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2251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1735" autoAdjust="0"/>
    <p:restoredTop sz="94660"/>
  </p:normalViewPr>
  <p:slideViewPr>
    <p:cSldViewPr snapToGrid="0">
      <p:cViewPr varScale="1">
        <p:scale>
          <a:sx n="94" d="100"/>
          <a:sy n="94" d="100"/>
        </p:scale>
        <p:origin x="102" y="4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38262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22903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64976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66461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98843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47987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05890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0672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04349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939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36844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27480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image" Target="../media/image3.png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0" name="OTLSHAPE_SL_0fc77891fc7c4ec287ba36bc2363c7e5_BackgroundRectangle">
            <a:extLst>
              <a:ext uri="{FF2B5EF4-FFF2-40B4-BE49-F238E27FC236}">
                <a16:creationId xmlns:a16="http://schemas.microsoft.com/office/drawing/2014/main" id="{59A896D5-B087-49A7-BC05-6B62EB8BAA8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195743"/>
            <a:ext cx="11264900" cy="1680591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3" name="OTLSHAPE_SL_58a0aac4aec34f0b95b8c785bf652a75_BackgroundRectangle">
            <a:extLst>
              <a:ext uri="{FF2B5EF4-FFF2-40B4-BE49-F238E27FC236}">
                <a16:creationId xmlns:a16="http://schemas.microsoft.com/office/drawing/2014/main" id="{6CFF0831-6A81-4AF8-A5BF-687F5BCF80E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939835"/>
            <a:ext cx="11264900" cy="1680591"/>
          </a:xfrm>
          <a:prstGeom prst="rect">
            <a:avLst/>
          </a:prstGeom>
          <a:solidFill>
            <a:srgbClr val="9DA9A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SL2A_d797ce9a45ad41388440821da5b155a3_BackgroundRectangle" hidden="1">
            <a:extLst>
              <a:ext uri="{FF2B5EF4-FFF2-40B4-BE49-F238E27FC236}">
                <a16:creationId xmlns:a16="http://schemas.microsoft.com/office/drawing/2014/main" id="{D44DC7F7-D202-D1D7-A9B8-65F3A9922B8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742865" y="3195743"/>
            <a:ext cx="10591800" cy="16805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" name="OTLSHAPE_SL2A_7ca7836dee884f2e8c1c968d9832a447_BackgroundRectangle" hidden="1">
            <a:extLst>
              <a:ext uri="{FF2B5EF4-FFF2-40B4-BE49-F238E27FC236}">
                <a16:creationId xmlns:a16="http://schemas.microsoft.com/office/drawing/2014/main" id="{29315698-5F15-D14B-F901-0D8D0A5984F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42865" y="4939835"/>
            <a:ext cx="10591800" cy="1680591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356CF9D-5443-AF85-4274-6E9C6FFC36A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BD3A30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68B17503-6E29-1DB2-276E-1E33055C7512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BD3A30"/>
                </a:solidFill>
                <a:latin typeface="Calibri" panose="020F0502020204030204" pitchFamily="34" charset="0"/>
              </a:rPr>
              <a:t>2025</a:t>
            </a:r>
          </a:p>
        </p:txBody>
      </p:sp>
      <p:cxnSp>
        <p:nvCxnSpPr>
          <p:cNvPr id="468" name="OTLSHAPE_M_ce2baea0373841e59d64442bfab3fcd0_Connector1">
            <a:extLst>
              <a:ext uri="{FF2B5EF4-FFF2-40B4-BE49-F238E27FC236}">
                <a16:creationId xmlns:a16="http://schemas.microsoft.com/office/drawing/2014/main" id="{A4315722-22B1-478B-9204-92F418FDDA97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93094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b3cb0dee30a941b595aaa6af70cd9f04_Connector1">
            <a:extLst>
              <a:ext uri="{FF2B5EF4-FFF2-40B4-BE49-F238E27FC236}">
                <a16:creationId xmlns:a16="http://schemas.microsoft.com/office/drawing/2014/main" id="{125A45A9-8620-4340-91E4-B6F687CE578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242752" y="1615228"/>
            <a:ext cx="0" cy="442172"/>
          </a:xfrm>
          <a:prstGeom prst="line">
            <a:avLst/>
          </a:prstGeom>
          <a:ln w="9525" cap="flat" cmpd="sng" algn="ctr">
            <a:solidFill>
              <a:srgbClr val="43AA8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" name="OTLSHAPE_M_6e1bbe3303c84389a6c6927150b74804_Connector1">
            <a:extLst>
              <a:ext uri="{FF2B5EF4-FFF2-40B4-BE49-F238E27FC236}">
                <a16:creationId xmlns:a16="http://schemas.microsoft.com/office/drawing/2014/main" id="{9A60D7B0-8AC7-4089-8136-6E0996C8CDC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416896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OTLSHAPE_M_6dc2965cfa71454c820c588bc9d487de_Connector1">
            <a:extLst>
              <a:ext uri="{FF2B5EF4-FFF2-40B4-BE49-F238E27FC236}">
                <a16:creationId xmlns:a16="http://schemas.microsoft.com/office/drawing/2014/main" id="{6F86383C-7D40-45E6-9FEE-1F3C6A1D6FB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471683" y="1162685"/>
            <a:ext cx="0" cy="894715"/>
          </a:xfrm>
          <a:prstGeom prst="line">
            <a:avLst/>
          </a:prstGeom>
          <a:ln w="9525" cap="flat" cmpd="sng" algn="ctr">
            <a:solidFill>
              <a:srgbClr val="B44C4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6fb7ee9d9c86477dbb03785e5085955d_Connector1">
            <a:extLst>
              <a:ext uri="{FF2B5EF4-FFF2-40B4-BE49-F238E27FC236}">
                <a16:creationId xmlns:a16="http://schemas.microsoft.com/office/drawing/2014/main" id="{95D0FF4F-812C-4B22-A4D5-ED508DEAD3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61830" y="1544701"/>
            <a:ext cx="0" cy="512699"/>
          </a:xfrm>
          <a:prstGeom prst="line">
            <a:avLst/>
          </a:prstGeom>
          <a:ln w="9525" cap="flat" cmpd="sng" algn="ctr">
            <a:solidFill>
              <a:srgbClr val="EF9A1A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0" name="OTLSHAPE_TB_00000000000000000000000000000000_ScaleContainer">
            <a:extLst>
              <a:ext uri="{FF2B5EF4-FFF2-40B4-BE49-F238E27FC236}">
                <a16:creationId xmlns:a16="http://schemas.microsoft.com/office/drawing/2014/main" id="{1DB3E54E-C1B9-45A1-A2CF-F4062875291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869865" y="2057400"/>
            <a:ext cx="10464800" cy="381000"/>
          </a:xfrm>
          <a:prstGeom prst="rect">
            <a:avLst/>
          </a:prstGeom>
          <a:solidFill>
            <a:srgbClr val="C0CAA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1" name="OTLSHAPE_SL_0fc77891fc7c4ec287ba36bc2363c7e5_HeaderRectangle">
            <a:extLst>
              <a:ext uri="{FF2B5EF4-FFF2-40B4-BE49-F238E27FC236}">
                <a16:creationId xmlns:a16="http://schemas.microsoft.com/office/drawing/2014/main" id="{8FAFF7C4-5C5D-43E4-8CBA-E9B05E39A2D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195743"/>
            <a:ext cx="685800" cy="1680591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4" name="OTLSHAPE_SL_58a0aac4aec34f0b95b8c785bf652a75_HeaderRectangle">
            <a:extLst>
              <a:ext uri="{FF2B5EF4-FFF2-40B4-BE49-F238E27FC236}">
                <a16:creationId xmlns:a16="http://schemas.microsoft.com/office/drawing/2014/main" id="{9E9716FF-5F90-47AA-8B24-DD9A57B4E39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939835"/>
            <a:ext cx="685800" cy="1680591"/>
          </a:xfrm>
          <a:prstGeom prst="rect">
            <a:avLst/>
          </a:prstGeom>
          <a:solidFill>
            <a:srgbClr val="9DA9A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SL2A_d797ce9a45ad41388440821da5b155a3_HeaderRectangle" hidden="1">
            <a:extLst>
              <a:ext uri="{FF2B5EF4-FFF2-40B4-BE49-F238E27FC236}">
                <a16:creationId xmlns:a16="http://schemas.microsoft.com/office/drawing/2014/main" id="{5D0050D4-3F95-4AA5-98B0-A047E495914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42865" y="3195743"/>
            <a:ext cx="0" cy="0"/>
          </a:xfrm>
          <a:prstGeom prst="rect">
            <a:avLst/>
          </a:prstGeom>
          <a:solidFill>
            <a:srgbClr val="9DA9A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2A_7ca7836dee884f2e8c1c968d9832a447_HeaderRectangle" hidden="1">
            <a:extLst>
              <a:ext uri="{FF2B5EF4-FFF2-40B4-BE49-F238E27FC236}">
                <a16:creationId xmlns:a16="http://schemas.microsoft.com/office/drawing/2014/main" id="{BB56E8E4-5301-CB4B-81AD-DD9EDC55A3C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42865" y="4939835"/>
            <a:ext cx="0" cy="0"/>
          </a:xfrm>
          <a:prstGeom prst="rect">
            <a:avLst/>
          </a:prstGeom>
          <a:solidFill>
            <a:srgbClr val="9DA9A0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9" name="OTLSHAPE_G_00000000000000000000000000000000_ShapeBelow0">
            <a:extLst>
              <a:ext uri="{FF2B5EF4-FFF2-40B4-BE49-F238E27FC236}">
                <a16:creationId xmlns:a16="http://schemas.microsoft.com/office/drawing/2014/main" id="{25F9DE89-DEE1-42A9-845E-CABB3332C35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440095" y="243840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G_00000000000000000000000000000000_ShapeBelow1">
            <a:extLst>
              <a:ext uri="{FF2B5EF4-FFF2-40B4-BE49-F238E27FC236}">
                <a16:creationId xmlns:a16="http://schemas.microsoft.com/office/drawing/2014/main" id="{8314E2B5-ACD4-4C59-A0D5-ECEFDA56AED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096000" y="243840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G_00000000000000000000000000000000_ShapeBelow2">
            <a:extLst>
              <a:ext uri="{FF2B5EF4-FFF2-40B4-BE49-F238E27FC236}">
                <a16:creationId xmlns:a16="http://schemas.microsoft.com/office/drawing/2014/main" id="{5F7DAE24-8119-4D5F-9910-28F901661A8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751905" y="2438400"/>
            <a:ext cx="0" cy="4182025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0" name="OTLSHAPE_SLT_08e0bedf0de5468bb66850337b8fdc6a_Shape">
            <a:extLst>
              <a:ext uri="{FF2B5EF4-FFF2-40B4-BE49-F238E27FC236}">
                <a16:creationId xmlns:a16="http://schemas.microsoft.com/office/drawing/2014/main" id="{399A1925-8A27-43AD-8C07-14653799240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69865" y="3388868"/>
            <a:ext cx="25781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2" name="OTLSHAPE_SLT_1b0e56a2e8c6404a875d0007c4a3b646_Shape">
            <a:extLst>
              <a:ext uri="{FF2B5EF4-FFF2-40B4-BE49-F238E27FC236}">
                <a16:creationId xmlns:a16="http://schemas.microsoft.com/office/drawing/2014/main" id="{D0367A70-8619-43D3-9C5E-59CD910B232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525770" y="3388868"/>
            <a:ext cx="24892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0" name="OTLSHAPE_SLT_6d6be110b01f42148831f9d5e736b478_Shape">
            <a:extLst>
              <a:ext uri="{FF2B5EF4-FFF2-40B4-BE49-F238E27FC236}">
                <a16:creationId xmlns:a16="http://schemas.microsoft.com/office/drawing/2014/main" id="{4105997E-72EF-4B91-AFDB-3570F5BADAA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69865" y="4618207"/>
            <a:ext cx="5143500" cy="186055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4" name="OTLSHAPE_SLT_af1e3d0a3492408f847e4063645d2402_Shape">
            <a:extLst>
              <a:ext uri="{FF2B5EF4-FFF2-40B4-BE49-F238E27FC236}">
                <a16:creationId xmlns:a16="http://schemas.microsoft.com/office/drawing/2014/main" id="{D819F0C8-9B1E-4B65-9715-7A0A37429A92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96000" y="5132959"/>
            <a:ext cx="25781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" name="OTLSHAPE_SLT_294fe748a7124b39a3acbcb66a8d913c_Shape">
            <a:extLst>
              <a:ext uri="{FF2B5EF4-FFF2-40B4-BE49-F238E27FC236}">
                <a16:creationId xmlns:a16="http://schemas.microsoft.com/office/drawing/2014/main" id="{BFCFA7F2-678A-4621-B80A-98D600D57B5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751905" y="5132959"/>
            <a:ext cx="2489200" cy="186055"/>
          </a:xfrm>
          <a:prstGeom prst="rect">
            <a:avLst/>
          </a:prstGeom>
          <a:solidFill>
            <a:srgbClr val="325D5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2" name="OTLSHAPE_SLT_ad9b37afa3564cfa92005eda350aded8_Shape">
            <a:extLst>
              <a:ext uri="{FF2B5EF4-FFF2-40B4-BE49-F238E27FC236}">
                <a16:creationId xmlns:a16="http://schemas.microsoft.com/office/drawing/2014/main" id="{85D919FA-6863-4B25-9417-0E7BC999FFD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096000" y="6362298"/>
            <a:ext cx="5143500" cy="186055"/>
          </a:xfrm>
          <a:prstGeom prst="chevron">
            <a:avLst/>
          </a:prstGeom>
          <a:solidFill>
            <a:srgbClr val="F4B8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8" name="OTLSHAPE_SLT_964dd225bc794dbcb1404edfa86e4dfb_Shape">
            <a:extLst>
              <a:ext uri="{FF2B5EF4-FFF2-40B4-BE49-F238E27FC236}">
                <a16:creationId xmlns:a16="http://schemas.microsoft.com/office/drawing/2014/main" id="{F9EE9A7A-9C83-4DEE-95C2-754D3419DF2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440096" y="4391109"/>
            <a:ext cx="8890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0" name="OTLSHAPE_SLT_b50d9a604bff4bec94209a69119bbc05_Shape">
            <a:extLst>
              <a:ext uri="{FF2B5EF4-FFF2-40B4-BE49-F238E27FC236}">
                <a16:creationId xmlns:a16="http://schemas.microsoft.com/office/drawing/2014/main" id="{D3026AE7-EE0B-4D55-9975-BBEB7E544048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71851" y="4391109"/>
            <a:ext cx="8509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2" name="OTLSHAPE_SLT_18540a1b169243c79c1025e99fb61372_Shape">
            <a:extLst>
              <a:ext uri="{FF2B5EF4-FFF2-40B4-BE49-F238E27FC236}">
                <a16:creationId xmlns:a16="http://schemas.microsoft.com/office/drawing/2014/main" id="{DD2D19BB-8A0F-4973-A64F-F7B4D6A2C84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069634" y="4391109"/>
            <a:ext cx="8636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4" name="OTLSHAPE_SLT_55f2cbcc513a455d8b16209a6b1b04be_Shape">
            <a:extLst>
              <a:ext uri="{FF2B5EF4-FFF2-40B4-BE49-F238E27FC236}">
                <a16:creationId xmlns:a16="http://schemas.microsoft.com/office/drawing/2014/main" id="{D6C2D8E7-9AF8-4231-ABCC-B4BE5B04879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096000" y="6135201"/>
            <a:ext cx="9017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0" name="OTLSHAPE_SLT_b35a27552cbe4f0f872da8baec125766_Shape">
            <a:extLst>
              <a:ext uri="{FF2B5EF4-FFF2-40B4-BE49-F238E27FC236}">
                <a16:creationId xmlns:a16="http://schemas.microsoft.com/office/drawing/2014/main" id="{1A7B979B-895F-4F5E-9578-F08DACA7B86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751905" y="6135201"/>
            <a:ext cx="8763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2" name="OTLSHAPE_SLT_819d9bc8b0984a6cb22f5d2395cf1ac6_Shape">
            <a:extLst>
              <a:ext uri="{FF2B5EF4-FFF2-40B4-BE49-F238E27FC236}">
                <a16:creationId xmlns:a16="http://schemas.microsoft.com/office/drawing/2014/main" id="{AFF11734-DED4-4708-80FB-45566A5156E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563016" y="6135201"/>
            <a:ext cx="8763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6" name="OTLSHAPE_SLT_619e7a35b09e4de7abc305b745fc1c2a_Shape">
            <a:extLst>
              <a:ext uri="{FF2B5EF4-FFF2-40B4-BE49-F238E27FC236}">
                <a16:creationId xmlns:a16="http://schemas.microsoft.com/office/drawing/2014/main" id="{DC6495D4-A4B0-4CD5-A5C9-C3E1F4B325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938941" y="6135201"/>
            <a:ext cx="9144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34" name="OTLSHAPE_SLT_e5e316d20582456a824fe0c8cafeb5ab_Shape">
            <a:extLst>
              <a:ext uri="{FF2B5EF4-FFF2-40B4-BE49-F238E27FC236}">
                <a16:creationId xmlns:a16="http://schemas.microsoft.com/office/drawing/2014/main" id="{B10024CB-5BD7-4CEF-A60B-CB5852A7DEA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374661" y="6135201"/>
            <a:ext cx="8636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28" name="OTLSHAPE_SLT_c780a31ff7244e5db7abb8ca024055fc_Shape">
            <a:extLst>
              <a:ext uri="{FF2B5EF4-FFF2-40B4-BE49-F238E27FC236}">
                <a16:creationId xmlns:a16="http://schemas.microsoft.com/office/drawing/2014/main" id="{82E8227A-262A-43CC-92E3-34B4BB1FA5A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790746" y="6135201"/>
            <a:ext cx="8763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88" name="OTLSHAPE_SLT_ac44d9f697c54a83972a706bc7447ec1_Shape">
            <a:extLst>
              <a:ext uri="{FF2B5EF4-FFF2-40B4-BE49-F238E27FC236}">
                <a16:creationId xmlns:a16="http://schemas.microsoft.com/office/drawing/2014/main" id="{3DB40FF5-3C65-4862-A9B8-380F55D40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9865" y="4391109"/>
            <a:ext cx="850900" cy="155025"/>
          </a:xfrm>
          <a:prstGeom prst="chevron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4" name="OTLSHAPE_SLT_3e70bf38690448959be5b2c025350527_Shape">
            <a:extLst>
              <a:ext uri="{FF2B5EF4-FFF2-40B4-BE49-F238E27FC236}">
                <a16:creationId xmlns:a16="http://schemas.microsoft.com/office/drawing/2014/main" id="{6308EA7B-C134-4995-90EA-B86078CC9AE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652298" y="4391109"/>
            <a:ext cx="901700" cy="155025"/>
          </a:xfrm>
          <a:prstGeom prst="chevron">
            <a:avLst/>
          </a:prstGeom>
          <a:solidFill>
            <a:srgbClr val="3A927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16" name="OTLSHAPE_SLT_07ff7467c4d541e38bf25b21977006a9_Shape">
            <a:extLst>
              <a:ext uri="{FF2B5EF4-FFF2-40B4-BE49-F238E27FC236}">
                <a16:creationId xmlns:a16="http://schemas.microsoft.com/office/drawing/2014/main" id="{5B66D3C4-8FF9-49D2-BE34-5D870C6B411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487564" y="4391109"/>
            <a:ext cx="876300" cy="155025"/>
          </a:xfrm>
          <a:prstGeom prst="chevron">
            <a:avLst/>
          </a:prstGeom>
          <a:solidFill>
            <a:srgbClr val="2F756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8" name="OTLSHAPE_SLM_4dce5c1223684d08953a4a462ea1b76c_Shape">
            <a:extLst>
              <a:ext uri="{FF2B5EF4-FFF2-40B4-BE49-F238E27FC236}">
                <a16:creationId xmlns:a16="http://schemas.microsoft.com/office/drawing/2014/main" id="{2E1CB3A2-1D87-497B-8C46-2E3B7175C03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5400000">
            <a:off x="3271812" y="369324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SLM_da97de9db41f41debf3ca8e35f0ef0b0_Shape">
            <a:extLst>
              <a:ext uri="{FF2B5EF4-FFF2-40B4-BE49-F238E27FC236}">
                <a16:creationId xmlns:a16="http://schemas.microsoft.com/office/drawing/2014/main" id="{AF4B9855-38F6-4202-A7C3-A5BA897487A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5400000">
            <a:off x="5842042" y="4082288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M_c2f71ac1311540508947d12439ad3d9c_Shape">
            <a:extLst>
              <a:ext uri="{FF2B5EF4-FFF2-40B4-BE49-F238E27FC236}">
                <a16:creationId xmlns:a16="http://schemas.microsoft.com/office/drawing/2014/main" id="{CB362A9A-71EA-4B3B-8631-97C9EDAACC0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5400000">
            <a:off x="8583621" y="5437336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SLM_87864714589d40ac853417c5c3a0f561_Shape">
            <a:extLst>
              <a:ext uri="{FF2B5EF4-FFF2-40B4-BE49-F238E27FC236}">
                <a16:creationId xmlns:a16="http://schemas.microsoft.com/office/drawing/2014/main" id="{CC911F10-3736-4AB0-AB75-9E1AF5DA275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5400000">
            <a:off x="11153852" y="5826379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" name="OTLSHAPE_TB_00000000000000000000000000000000_ElapsedTime" hidden="1">
            <a:extLst>
              <a:ext uri="{FF2B5EF4-FFF2-40B4-BE49-F238E27FC236}">
                <a16:creationId xmlns:a16="http://schemas.microsoft.com/office/drawing/2014/main" id="{C61ED871-46C7-7151-EC22-077D0726F88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69865" y="20574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T_08e0bedf0de5468bb66850337b8fdc6a_ShapePercentage" hidden="1">
            <a:extLst>
              <a:ext uri="{FF2B5EF4-FFF2-40B4-BE49-F238E27FC236}">
                <a16:creationId xmlns:a16="http://schemas.microsoft.com/office/drawing/2014/main" id="{35A4854A-CE2F-C3CF-07CF-4897377A6A5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69865" y="33888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1b0e56a2e8c6404a875d0007c4a3b646_ShapePercentage" hidden="1">
            <a:extLst>
              <a:ext uri="{FF2B5EF4-FFF2-40B4-BE49-F238E27FC236}">
                <a16:creationId xmlns:a16="http://schemas.microsoft.com/office/drawing/2014/main" id="{7B071169-C756-EA3F-EF4B-05B813F3F57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525770" y="338886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ac44d9f697c54a83972a706bc7447ec1_ShapePercentage" hidden="1">
            <a:extLst>
              <a:ext uri="{FF2B5EF4-FFF2-40B4-BE49-F238E27FC236}">
                <a16:creationId xmlns:a16="http://schemas.microsoft.com/office/drawing/2014/main" id="{BC34DC67-8CDE-3A0C-474B-185358B9B2E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69865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" name="OTLSHAPE_SLT_3e70bf38690448959be5b2c025350527_ShapePercentage" hidden="1">
            <a:extLst>
              <a:ext uri="{FF2B5EF4-FFF2-40B4-BE49-F238E27FC236}">
                <a16:creationId xmlns:a16="http://schemas.microsoft.com/office/drawing/2014/main" id="{C37BF827-208A-4D1D-F69A-77831ACD904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652298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49" name="OTLSHAPE_SLT_07ff7467c4d541e38bf25b21977006a9_ShapePercentage" hidden="1">
            <a:extLst>
              <a:ext uri="{FF2B5EF4-FFF2-40B4-BE49-F238E27FC236}">
                <a16:creationId xmlns:a16="http://schemas.microsoft.com/office/drawing/2014/main" id="{6151C743-A973-6235-E684-55E23D0232F0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487564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5" name="OTLSHAPE_SLT_964dd225bc794dbcb1404edfa86e4dfb_ShapePercentage" hidden="1">
            <a:extLst>
              <a:ext uri="{FF2B5EF4-FFF2-40B4-BE49-F238E27FC236}">
                <a16:creationId xmlns:a16="http://schemas.microsoft.com/office/drawing/2014/main" id="{18462CA3-0F2F-84E0-9F76-C3BC76B9988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440096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1" name="OTLSHAPE_SLT_b50d9a604bff4bec94209a69119bbc05_ShapePercentage" hidden="1">
            <a:extLst>
              <a:ext uri="{FF2B5EF4-FFF2-40B4-BE49-F238E27FC236}">
                <a16:creationId xmlns:a16="http://schemas.microsoft.com/office/drawing/2014/main" id="{73E9A87E-BA97-9B08-ED50-76EB8003D8C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271851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7" name="OTLSHAPE_SLT_18540a1b169243c79c1025e99fb61372_ShapePercentage" hidden="1">
            <a:extLst>
              <a:ext uri="{FF2B5EF4-FFF2-40B4-BE49-F238E27FC236}">
                <a16:creationId xmlns:a16="http://schemas.microsoft.com/office/drawing/2014/main" id="{2383F231-3A47-74F1-9D4A-C5D7C6347862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069634" y="4391109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87" name="OTLSHAPE_SLT_6d6be110b01f42148831f9d5e736b478_ShapePercentage" hidden="1">
            <a:extLst>
              <a:ext uri="{FF2B5EF4-FFF2-40B4-BE49-F238E27FC236}">
                <a16:creationId xmlns:a16="http://schemas.microsoft.com/office/drawing/2014/main" id="{4BF66B12-94BB-FF31-8835-8C151C47FD5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69865" y="461820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3" name="OTLSHAPE_SLT_294fe748a7124b39a3acbcb66a8d913c_ShapePercentage" hidden="1">
            <a:extLst>
              <a:ext uri="{FF2B5EF4-FFF2-40B4-BE49-F238E27FC236}">
                <a16:creationId xmlns:a16="http://schemas.microsoft.com/office/drawing/2014/main" id="{AD545BB7-5949-B1E9-80FB-039B56082C9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751905" y="51329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T_af1e3d0a3492408f847e4063645d2402_ShapePercentage" hidden="1">
            <a:extLst>
              <a:ext uri="{FF2B5EF4-FFF2-40B4-BE49-F238E27FC236}">
                <a16:creationId xmlns:a16="http://schemas.microsoft.com/office/drawing/2014/main" id="{545270ED-D572-804E-CA27-1CB1F904A0A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096000" y="51329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4" name="OTLSHAPE_SLT_55f2cbcc513a455d8b16209a6b1b04be_ShapePercentage" hidden="1">
            <a:extLst>
              <a:ext uri="{FF2B5EF4-FFF2-40B4-BE49-F238E27FC236}">
                <a16:creationId xmlns:a16="http://schemas.microsoft.com/office/drawing/2014/main" id="{AE5D341F-8289-A40A-A6A9-FB448F7EC2F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096000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1" name="OTLSHAPE_SLT_619e7a35b09e4de7abc305b745fc1c2a_ShapePercentage" hidden="1">
            <a:extLst>
              <a:ext uri="{FF2B5EF4-FFF2-40B4-BE49-F238E27FC236}">
                <a16:creationId xmlns:a16="http://schemas.microsoft.com/office/drawing/2014/main" id="{5DAC9F2D-F887-96B4-DDAD-BC8BD22EAFB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938941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8" name="OTLSHAPE_SLT_c780a31ff7244e5db7abb8ca024055fc_ShapePercentage" hidden="1">
            <a:extLst>
              <a:ext uri="{FF2B5EF4-FFF2-40B4-BE49-F238E27FC236}">
                <a16:creationId xmlns:a16="http://schemas.microsoft.com/office/drawing/2014/main" id="{FE606089-BF47-DB1D-192D-652FF51941FA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790746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34" name="OTLSHAPE_SLT_b35a27552cbe4f0f872da8baec125766_ShapePercentage" hidden="1">
            <a:extLst>
              <a:ext uri="{FF2B5EF4-FFF2-40B4-BE49-F238E27FC236}">
                <a16:creationId xmlns:a16="http://schemas.microsoft.com/office/drawing/2014/main" id="{BEDA1400-8758-1D20-BB66-3F6A5A81BFB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8751905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0" name="OTLSHAPE_SLT_819d9bc8b0984a6cb22f5d2395cf1ac6_ShapePercentage" hidden="1">
            <a:extLst>
              <a:ext uri="{FF2B5EF4-FFF2-40B4-BE49-F238E27FC236}">
                <a16:creationId xmlns:a16="http://schemas.microsoft.com/office/drawing/2014/main" id="{5B9EAE2C-D7E5-3067-4794-8F68560C1D1F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563016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46" name="OTLSHAPE_SLT_e5e316d20582456a824fe0c8cafeb5ab_ShapePercentage" hidden="1">
            <a:extLst>
              <a:ext uri="{FF2B5EF4-FFF2-40B4-BE49-F238E27FC236}">
                <a16:creationId xmlns:a16="http://schemas.microsoft.com/office/drawing/2014/main" id="{BA808DBD-2017-5761-1AEA-03C8681AF4BD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374661" y="61352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2" name="OTLSHAPE_SLT_ad9b37afa3564cfa92005eda350aded8_ShapePercentage" hidden="1">
            <a:extLst>
              <a:ext uri="{FF2B5EF4-FFF2-40B4-BE49-F238E27FC236}">
                <a16:creationId xmlns:a16="http://schemas.microsoft.com/office/drawing/2014/main" id="{1B01EBEF-FB3C-6DCE-779A-B0C84EB439CF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096000" y="6362298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2" name="OTLSHAPE_SL_0fc77891fc7c4ec287ba36bc2363c7e5_Header">
            <a:extLst>
              <a:ext uri="{FF2B5EF4-FFF2-40B4-BE49-F238E27FC236}">
                <a16:creationId xmlns:a16="http://schemas.microsoft.com/office/drawing/2014/main" id="{D62A49DD-90C6-4D22-BA10-81EBD949521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3500" y="3943011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1 </a:t>
            </a:r>
          </a:p>
        </p:txBody>
      </p:sp>
      <p:sp>
        <p:nvSpPr>
          <p:cNvPr id="215" name="OTLSHAPE_SL_58a0aac4aec34f0b95b8c785bf652a75_Header">
            <a:extLst>
              <a:ext uri="{FF2B5EF4-FFF2-40B4-BE49-F238E27FC236}">
                <a16:creationId xmlns:a16="http://schemas.microsoft.com/office/drawing/2014/main" id="{003C13D2-3734-4CFD-9035-016DC13B97D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5687102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dirty="0">
                <a:solidFill>
                  <a:srgbClr val="1C211E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22" name="OTLSHAPE_SL2A_d797ce9a45ad41388440821da5b155a3_Header" hidden="1">
            <a:extLst>
              <a:ext uri="{FF2B5EF4-FFF2-40B4-BE49-F238E27FC236}">
                <a16:creationId xmlns:a16="http://schemas.microsoft.com/office/drawing/2014/main" id="{286A09F1-15B7-5B4E-5A96-A4F8F6F3838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SL2A_7ca7836dee884f2e8c1c968d9832a447_Header" hidden="1">
            <a:extLst>
              <a:ext uri="{FF2B5EF4-FFF2-40B4-BE49-F238E27FC236}">
                <a16:creationId xmlns:a16="http://schemas.microsoft.com/office/drawing/2014/main" id="{69E0CB08-5FF8-D904-ABDE-5B0C907B06D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AEA2A58-326F-B14E-52C2-CA22CB2020C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15437" y="24384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731358F-69C5-48D1-9C16-18940D306AB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33365" y="21548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rgbClr val="0B0C08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2E7BA9A-5756-4CCA-A08B-0B3E6369989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503596" y="21548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CFE396CA-5C0F-43F2-A9C6-D9A8B9F293E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159500" y="2154873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rgbClr val="0B0C08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31D9177-C2D1-4281-BAD1-78B17716F3C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815405" y="2154873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rgbClr val="0B0C08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30" name="OTLSHAPE_SLT_08e0bedf0de5468bb66850337b8fdc6a_Duration">
            <a:extLst>
              <a:ext uri="{FF2B5EF4-FFF2-40B4-BE49-F238E27FC236}">
                <a16:creationId xmlns:a16="http://schemas.microsoft.com/office/drawing/2014/main" id="{8A54C924-DF48-4235-AC0B-0152E4239CE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69865" y="323384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08e0bedf0de5468bb66850337b8fdc6a_Title">
            <a:extLst>
              <a:ext uri="{FF2B5EF4-FFF2-40B4-BE49-F238E27FC236}">
                <a16:creationId xmlns:a16="http://schemas.microsoft.com/office/drawing/2014/main" id="{498B98C0-961E-4259-B13B-CC3999CBCE9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909777" y="3388868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238" name="OTLSHAPE_SLT_1b0e56a2e8c6404a875d0007c4a3b646_Duration">
            <a:extLst>
              <a:ext uri="{FF2B5EF4-FFF2-40B4-BE49-F238E27FC236}">
                <a16:creationId xmlns:a16="http://schemas.microsoft.com/office/drawing/2014/main" id="{245CAAC2-C765-42D9-8175-62ED620D7D5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525770" y="323384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SLT_1b0e56a2e8c6404a875d0007c4a3b646_Title">
            <a:extLst>
              <a:ext uri="{FF2B5EF4-FFF2-40B4-BE49-F238E27FC236}">
                <a16:creationId xmlns:a16="http://schemas.microsoft.com/office/drawing/2014/main" id="{73E50C58-0778-43CD-BA20-698D54889CA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522845" y="3388868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 dirty="0">
                <a:solidFill>
                  <a:srgbClr val="F2F8F7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70" name="OTLSHAPE_SLT_6d6be110b01f42148831f9d5e736b478_Duration">
            <a:extLst>
              <a:ext uri="{FF2B5EF4-FFF2-40B4-BE49-F238E27FC236}">
                <a16:creationId xmlns:a16="http://schemas.microsoft.com/office/drawing/2014/main" id="{61E898A5-C892-414C-96E9-8C410A37A3F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061066" y="4633722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43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SLT_6d6be110b01f42148831f9d5e736b478_Title">
            <a:extLst>
              <a:ext uri="{FF2B5EF4-FFF2-40B4-BE49-F238E27FC236}">
                <a16:creationId xmlns:a16="http://schemas.microsoft.com/office/drawing/2014/main" id="{0F8F505F-8EC2-4224-8221-C9D65702A06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913122" y="4618207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278" name="OTLSHAPE_SLT_af1e3d0a3492408f847e4063645d2402_Duration">
            <a:extLst>
              <a:ext uri="{FF2B5EF4-FFF2-40B4-BE49-F238E27FC236}">
                <a16:creationId xmlns:a16="http://schemas.microsoft.com/office/drawing/2014/main" id="{89A2F7DB-F1EE-4D13-80E7-DF19506EB9B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96000" y="497793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83" name="OTLSHAPE_SLT_af1e3d0a3492408f847e4063645d2402_Title">
            <a:extLst>
              <a:ext uri="{FF2B5EF4-FFF2-40B4-BE49-F238E27FC236}">
                <a16:creationId xmlns:a16="http://schemas.microsoft.com/office/drawing/2014/main" id="{9966DC66-65B4-44BA-B2F4-8CC05CC1CC1A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35912" y="51329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286" name="OTLSHAPE_SLT_294fe748a7124b39a3acbcb66a8d913c_Duration">
            <a:extLst>
              <a:ext uri="{FF2B5EF4-FFF2-40B4-BE49-F238E27FC236}">
                <a16:creationId xmlns:a16="http://schemas.microsoft.com/office/drawing/2014/main" id="{05F5E352-3767-4A25-9B85-2734959F239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751905" y="497793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291" name="OTLSHAPE_SLT_294fe748a7124b39a3acbcb66a8d913c_Title">
            <a:extLst>
              <a:ext uri="{FF2B5EF4-FFF2-40B4-BE49-F238E27FC236}">
                <a16:creationId xmlns:a16="http://schemas.microsoft.com/office/drawing/2014/main" id="{A8DA6985-CDA6-4D74-95B7-40B662E7194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748980" y="513295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12">
                <a:solidFill>
                  <a:srgbClr val="F2F8F7"/>
                </a:solidFill>
                <a:latin typeface="Calibri" panose="020F0502020204030204" pitchFamily="34" charset="0"/>
              </a:rPr>
              <a:t>Sprint 4</a:t>
            </a:r>
          </a:p>
        </p:txBody>
      </p:sp>
      <p:sp>
        <p:nvSpPr>
          <p:cNvPr id="318" name="OTLSHAPE_SLT_ad9b37afa3564cfa92005eda350aded8_Duration">
            <a:extLst>
              <a:ext uri="{FF2B5EF4-FFF2-40B4-BE49-F238E27FC236}">
                <a16:creationId xmlns:a16="http://schemas.microsoft.com/office/drawing/2014/main" id="{04C6E515-E7FF-45EE-9CC6-5BF12374B5E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650950" y="6377813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i="1" spc="-6">
                <a:solidFill>
                  <a:srgbClr val="4B201B"/>
                </a:solidFill>
                <a:latin typeface="Calibri" panose="020F0502020204030204" pitchFamily="34" charset="0"/>
              </a:rPr>
              <a:t>42 days</a:t>
            </a:r>
            <a:endParaRPr lang="en-GB" sz="1000" i="1" spc="-6" dirty="0">
              <a:solidFill>
                <a:srgbClr val="4B201B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SLT_ad9b37afa3564cfa92005eda350aded8_Title">
            <a:extLst>
              <a:ext uri="{FF2B5EF4-FFF2-40B4-BE49-F238E27FC236}">
                <a16:creationId xmlns:a16="http://schemas.microsoft.com/office/drawing/2014/main" id="{80D13803-0A09-4997-8923-1B47F8D9A50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139257" y="6362298"/>
            <a:ext cx="1054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4B3006"/>
                </a:solidFill>
                <a:latin typeface="Calibri" panose="020F0502020204030204" pitchFamily="34" charset="0"/>
              </a:rPr>
              <a:t>QA + Refinement</a:t>
            </a:r>
          </a:p>
        </p:txBody>
      </p:sp>
      <p:sp>
        <p:nvSpPr>
          <p:cNvPr id="44" name="OTLSHAPE_SLT_964dd225bc794dbcb1404edfa86e4dfb_Title">
            <a:extLst>
              <a:ext uri="{FF2B5EF4-FFF2-40B4-BE49-F238E27FC236}">
                <a16:creationId xmlns:a16="http://schemas.microsoft.com/office/drawing/2014/main" id="{27A2FD74-67E9-4FC5-8B3E-499554E34B6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564790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b50d9a604bff4bec94209a69119bbc05_Title">
            <a:extLst>
              <a:ext uri="{FF2B5EF4-FFF2-40B4-BE49-F238E27FC236}">
                <a16:creationId xmlns:a16="http://schemas.microsoft.com/office/drawing/2014/main" id="{1601DFD9-1954-41DB-A755-747947F8E7A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378696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204" name="OTLSHAPE_SLT_18540a1b169243c79c1025e99fb61372_Title">
            <a:extLst>
              <a:ext uri="{FF2B5EF4-FFF2-40B4-BE49-F238E27FC236}">
                <a16:creationId xmlns:a16="http://schemas.microsoft.com/office/drawing/2014/main" id="{F8447417-6383-49D4-856F-A960315A883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178978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00" name="OTLSHAPE_SLT_55f2cbcc513a455d8b16209a6b1b04be_Title">
            <a:extLst>
              <a:ext uri="{FF2B5EF4-FFF2-40B4-BE49-F238E27FC236}">
                <a16:creationId xmlns:a16="http://schemas.microsoft.com/office/drawing/2014/main" id="{49540070-C94F-48A4-89AE-8891B017A2F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227001" y="613520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08" name="OTLSHAPE_SLT_b35a27552cbe4f0f872da8baec125766_Title">
            <a:extLst>
              <a:ext uri="{FF2B5EF4-FFF2-40B4-BE49-F238E27FC236}">
                <a16:creationId xmlns:a16="http://schemas.microsoft.com/office/drawing/2014/main" id="{64BD48D5-5499-4EA6-9894-D3BD82C1B91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866991" y="61352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</a:p>
        </p:txBody>
      </p:sp>
      <p:sp>
        <p:nvSpPr>
          <p:cNvPr id="324" name="OTLSHAPE_SLT_819d9bc8b0984a6cb22f5d2395cf1ac6_Title">
            <a:extLst>
              <a:ext uri="{FF2B5EF4-FFF2-40B4-BE49-F238E27FC236}">
                <a16:creationId xmlns:a16="http://schemas.microsoft.com/office/drawing/2014/main" id="{CA952BD5-3070-41BA-8BB3-8CE5A744BA8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680153" y="61352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32" name="OTLSHAPE_SLT_619e7a35b09e4de7abc305b745fc1c2a_Title">
            <a:extLst>
              <a:ext uri="{FF2B5EF4-FFF2-40B4-BE49-F238E27FC236}">
                <a16:creationId xmlns:a16="http://schemas.microsoft.com/office/drawing/2014/main" id="{8293984A-187B-4E2A-90D9-5BE52B7EB65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077557" y="613520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</a:p>
        </p:txBody>
      </p:sp>
      <p:sp>
        <p:nvSpPr>
          <p:cNvPr id="340" name="OTLSHAPE_SLT_e5e316d20582456a824fe0c8cafeb5ab_Title">
            <a:extLst>
              <a:ext uri="{FF2B5EF4-FFF2-40B4-BE49-F238E27FC236}">
                <a16:creationId xmlns:a16="http://schemas.microsoft.com/office/drawing/2014/main" id="{3CD866F7-D6B5-4BC4-ABC7-DFD8F52F494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0487396" y="61352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48" name="OTLSHAPE_SLT_c780a31ff7244e5db7abb8ca024055fc_Title">
            <a:extLst>
              <a:ext uri="{FF2B5EF4-FFF2-40B4-BE49-F238E27FC236}">
                <a16:creationId xmlns:a16="http://schemas.microsoft.com/office/drawing/2014/main" id="{50B723ED-7E91-45F6-8ADC-5B095400D6E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910324" y="61352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</a:p>
        </p:txBody>
      </p:sp>
      <p:sp>
        <p:nvSpPr>
          <p:cNvPr id="397" name="OTLSHAPE_SLT_ac44d9f697c54a83972a706bc7447ec1_Title">
            <a:extLst>
              <a:ext uri="{FF2B5EF4-FFF2-40B4-BE49-F238E27FC236}">
                <a16:creationId xmlns:a16="http://schemas.microsoft.com/office/drawing/2014/main" id="{E3896608-65A6-4404-8765-0954697D38D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76889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1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05" name="OTLSHAPE_SLT_3e70bf38690448959be5b2c025350527_Title">
            <a:extLst>
              <a:ext uri="{FF2B5EF4-FFF2-40B4-BE49-F238E27FC236}">
                <a16:creationId xmlns:a16="http://schemas.microsoft.com/office/drawing/2014/main" id="{63159FDB-8E1E-42B4-9ED6-EB5A9B6F62C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783894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2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413" name="OTLSHAPE_SLT_07ff7467c4d541e38bf25b21977006a9_Title">
            <a:extLst>
              <a:ext uri="{FF2B5EF4-FFF2-40B4-BE49-F238E27FC236}">
                <a16:creationId xmlns:a16="http://schemas.microsoft.com/office/drawing/2014/main" id="{D1453D2E-95CD-4194-AA5A-F0E09BE07B0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2602828" y="439110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rgbClr val="F2F8F7"/>
                </a:solidFill>
                <a:latin typeface="Calibri" panose="020F0502020204030204" pitchFamily="34" charset="0"/>
              </a:rPr>
              <a:t>Work Item 3</a:t>
            </a:r>
            <a:endParaRPr lang="en-GB" sz="1000" spc="-8" dirty="0">
              <a:solidFill>
                <a:srgbClr val="F2F8F7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SLM_4dce5c1223684d08953a4a462ea1b76c_Title">
            <a:extLst>
              <a:ext uri="{FF2B5EF4-FFF2-40B4-BE49-F238E27FC236}">
                <a16:creationId xmlns:a16="http://schemas.microsoft.com/office/drawing/2014/main" id="{0F5D1207-8D39-42CF-AB6F-87BC9D8B1EF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753231" y="361302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32" name="OTLSHAPE_SLM_4dce5c1223684d08953a4a462ea1b76c_Date">
            <a:extLst>
              <a:ext uri="{FF2B5EF4-FFF2-40B4-BE49-F238E27FC236}">
                <a16:creationId xmlns:a16="http://schemas.microsoft.com/office/drawing/2014/main" id="{004F6064-E29F-4816-9A5F-E8709B646CC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889584" y="378354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n 29</a:t>
            </a:r>
          </a:p>
        </p:txBody>
      </p:sp>
      <p:sp>
        <p:nvSpPr>
          <p:cNvPr id="34" name="OTLSHAPE_SLM_da97de9db41f41debf3ca8e35f0ef0b0_Title">
            <a:extLst>
              <a:ext uri="{FF2B5EF4-FFF2-40B4-BE49-F238E27FC236}">
                <a16:creationId xmlns:a16="http://schemas.microsoft.com/office/drawing/2014/main" id="{C2FB0B80-AEDD-4B37-9EAA-312E55E3A66F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323461" y="4002066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35" name="OTLSHAPE_SLM_da97de9db41f41debf3ca8e35f0ef0b0_Date">
            <a:extLst>
              <a:ext uri="{FF2B5EF4-FFF2-40B4-BE49-F238E27FC236}">
                <a16:creationId xmlns:a16="http://schemas.microsoft.com/office/drawing/2014/main" id="{0DD8991A-B81A-442B-B17E-48DC1570D73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497407" y="417258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52" name="OTLSHAPE_SLM_c2f71ac1311540508947d12439ad3d9c_Title">
            <a:extLst>
              <a:ext uri="{FF2B5EF4-FFF2-40B4-BE49-F238E27FC236}">
                <a16:creationId xmlns:a16="http://schemas.microsoft.com/office/drawing/2014/main" id="{C5B1A914-2889-46EF-8A2B-8272DB1BAD3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065040" y="5357114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53" name="OTLSHAPE_SLM_c2f71ac1311540508947d12439ad3d9c_Date">
            <a:extLst>
              <a:ext uri="{FF2B5EF4-FFF2-40B4-BE49-F238E27FC236}">
                <a16:creationId xmlns:a16="http://schemas.microsoft.com/office/drawing/2014/main" id="{9A5C8095-2452-4DDD-9DE7-0331163788D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175359" y="552763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Aug 30</a:t>
            </a:r>
          </a:p>
        </p:txBody>
      </p:sp>
      <p:sp>
        <p:nvSpPr>
          <p:cNvPr id="61" name="OTLSHAPE_SLM_87864714589d40ac853417c5c3a0f561_Title">
            <a:extLst>
              <a:ext uri="{FF2B5EF4-FFF2-40B4-BE49-F238E27FC236}">
                <a16:creationId xmlns:a16="http://schemas.microsoft.com/office/drawing/2014/main" id="{FF139E5A-E15B-471E-B7C9-EDF5AC7E0F8A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635271" y="5746157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rgbClr val="222518"/>
                </a:solidFill>
                <a:latin typeface="Calibri" panose="020F0502020204030204" pitchFamily="34" charset="0"/>
              </a:rPr>
              <a:t>Review Agile Project Plan</a:t>
            </a:r>
          </a:p>
        </p:txBody>
      </p:sp>
      <p:sp>
        <p:nvSpPr>
          <p:cNvPr id="62" name="OTLSHAPE_SLM_87864714589d40ac853417c5c3a0f561_Date">
            <a:extLst>
              <a:ext uri="{FF2B5EF4-FFF2-40B4-BE49-F238E27FC236}">
                <a16:creationId xmlns:a16="http://schemas.microsoft.com/office/drawing/2014/main" id="{4B13E29A-5755-46C2-BD31-56154F7E508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757315" y="5916676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3A731DCD-E7C9-A7A2-504E-C49E5AEE8E1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5" name="OTLSHAPE_SLT_08e0bedf0de5468bb66850337b8fdc6a_TextPercentage" hidden="1">
            <a:extLst>
              <a:ext uri="{FF2B5EF4-FFF2-40B4-BE49-F238E27FC236}">
                <a16:creationId xmlns:a16="http://schemas.microsoft.com/office/drawing/2014/main" id="{A06F5F2C-6935-0E54-8AFD-1441FCB14787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08e0bedf0de5468bb66850337b8fdc6a_JoinedDate" hidden="1">
            <a:extLst>
              <a:ext uri="{FF2B5EF4-FFF2-40B4-BE49-F238E27FC236}">
                <a16:creationId xmlns:a16="http://schemas.microsoft.com/office/drawing/2014/main" id="{7CCB2B24-3AC3-2B92-F019-260F1276126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n 1 - Jun 30</a:t>
            </a:r>
          </a:p>
        </p:txBody>
      </p:sp>
      <p:sp>
        <p:nvSpPr>
          <p:cNvPr id="38" name="OTLSHAPE_SLT_08e0bedf0de5468bb66850337b8fdc6a_StartDate" hidden="1">
            <a:extLst>
              <a:ext uri="{FF2B5EF4-FFF2-40B4-BE49-F238E27FC236}">
                <a16:creationId xmlns:a16="http://schemas.microsoft.com/office/drawing/2014/main" id="{64BA4381-C2B2-A77C-4D28-2CFE397B37C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T_08e0bedf0de5468bb66850337b8fdc6a_EndDate" hidden="1">
            <a:extLst>
              <a:ext uri="{FF2B5EF4-FFF2-40B4-BE49-F238E27FC236}">
                <a16:creationId xmlns:a16="http://schemas.microsoft.com/office/drawing/2014/main" id="{AC2AE575-4230-888F-23CE-150C17C29E4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1b0e56a2e8c6404a875d0007c4a3b646_TextPercentage" hidden="1">
            <a:extLst>
              <a:ext uri="{FF2B5EF4-FFF2-40B4-BE49-F238E27FC236}">
                <a16:creationId xmlns:a16="http://schemas.microsoft.com/office/drawing/2014/main" id="{D8E42A84-CC7B-7323-2CE7-16B9DA57EAB7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1b0e56a2e8c6404a875d0007c4a3b646_JoinedDate" hidden="1">
            <a:extLst>
              <a:ext uri="{FF2B5EF4-FFF2-40B4-BE49-F238E27FC236}">
                <a16:creationId xmlns:a16="http://schemas.microsoft.com/office/drawing/2014/main" id="{BA4D05F4-08B0-DA01-59E1-190244B470B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464353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l 2 - Jul 30</a:t>
            </a:r>
          </a:p>
        </p:txBody>
      </p:sp>
      <p:sp>
        <p:nvSpPr>
          <p:cNvPr id="43" name="OTLSHAPE_SLT_1b0e56a2e8c6404a875d0007c4a3b646_StartDate" hidden="1">
            <a:extLst>
              <a:ext uri="{FF2B5EF4-FFF2-40B4-BE49-F238E27FC236}">
                <a16:creationId xmlns:a16="http://schemas.microsoft.com/office/drawing/2014/main" id="{2864F57B-017F-295E-3F43-25A083AEC30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1b0e56a2e8c6404a875d0007c4a3b646_EndDate" hidden="1">
            <a:extLst>
              <a:ext uri="{FF2B5EF4-FFF2-40B4-BE49-F238E27FC236}">
                <a16:creationId xmlns:a16="http://schemas.microsoft.com/office/drawing/2014/main" id="{F24B6FC8-70C4-071F-E7FE-94CCABB40AF1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ac44d9f697c54a83972a706bc7447ec1_Duration" hidden="1">
            <a:extLst>
              <a:ext uri="{FF2B5EF4-FFF2-40B4-BE49-F238E27FC236}">
                <a16:creationId xmlns:a16="http://schemas.microsoft.com/office/drawing/2014/main" id="{18B2BB52-7118-D765-D40C-04651841B4D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6.9 days</a:t>
            </a:r>
          </a:p>
        </p:txBody>
      </p:sp>
      <p:sp>
        <p:nvSpPr>
          <p:cNvPr id="48" name="OTLSHAPE_SLT_ac44d9f697c54a83972a706bc7447ec1_TextPercentage" hidden="1">
            <a:extLst>
              <a:ext uri="{FF2B5EF4-FFF2-40B4-BE49-F238E27FC236}">
                <a16:creationId xmlns:a16="http://schemas.microsoft.com/office/drawing/2014/main" id="{D4CF0CA7-BAD1-B713-C30C-134EDBD2C9C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T_ac44d9f697c54a83972a706bc7447ec1_JoinedDate" hidden="1">
            <a:extLst>
              <a:ext uri="{FF2B5EF4-FFF2-40B4-BE49-F238E27FC236}">
                <a16:creationId xmlns:a16="http://schemas.microsoft.com/office/drawing/2014/main" id="{6F5D4A7E-099C-CD5D-25A6-A3E0A207D08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n 1 - Jun 10</a:t>
            </a:r>
          </a:p>
        </p:txBody>
      </p:sp>
      <p:sp>
        <p:nvSpPr>
          <p:cNvPr id="50" name="OTLSHAPE_SLT_ac44d9f697c54a83972a706bc7447ec1_StartDate" hidden="1">
            <a:extLst>
              <a:ext uri="{FF2B5EF4-FFF2-40B4-BE49-F238E27FC236}">
                <a16:creationId xmlns:a16="http://schemas.microsoft.com/office/drawing/2014/main" id="{259A56B4-219F-DE99-032C-5E0DC408319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ac44d9f697c54a83972a706bc7447ec1_EndDate" hidden="1">
            <a:extLst>
              <a:ext uri="{FF2B5EF4-FFF2-40B4-BE49-F238E27FC236}">
                <a16:creationId xmlns:a16="http://schemas.microsoft.com/office/drawing/2014/main" id="{D162E0EB-D58C-1650-BE01-8DF7E1E6C80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T_3e70bf38690448959be5b2c025350527_Duration" hidden="1">
            <a:extLst>
              <a:ext uri="{FF2B5EF4-FFF2-40B4-BE49-F238E27FC236}">
                <a16:creationId xmlns:a16="http://schemas.microsoft.com/office/drawing/2014/main" id="{18BCA7B4-DE88-3B5F-DC68-B8A9E4BCC2E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8.5 days</a:t>
            </a:r>
          </a:p>
        </p:txBody>
      </p:sp>
      <p:sp>
        <p:nvSpPr>
          <p:cNvPr id="58" name="OTLSHAPE_SLT_3e70bf38690448959be5b2c025350527_TextPercentage" hidden="1">
            <a:extLst>
              <a:ext uri="{FF2B5EF4-FFF2-40B4-BE49-F238E27FC236}">
                <a16:creationId xmlns:a16="http://schemas.microsoft.com/office/drawing/2014/main" id="{22DDDCBC-ED00-475A-2B83-D5118365F4D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3e70bf38690448959be5b2c025350527_JoinedDate" hidden="1">
            <a:extLst>
              <a:ext uri="{FF2B5EF4-FFF2-40B4-BE49-F238E27FC236}">
                <a16:creationId xmlns:a16="http://schemas.microsoft.com/office/drawing/2014/main" id="{E67A87B1-BAF4-0187-BB01-628CDCB5EE9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n 10 - Jun 20</a:t>
            </a:r>
          </a:p>
        </p:txBody>
      </p:sp>
      <p:sp>
        <p:nvSpPr>
          <p:cNvPr id="63" name="OTLSHAPE_SLT_3e70bf38690448959be5b2c025350527_StartDate" hidden="1">
            <a:extLst>
              <a:ext uri="{FF2B5EF4-FFF2-40B4-BE49-F238E27FC236}">
                <a16:creationId xmlns:a16="http://schemas.microsoft.com/office/drawing/2014/main" id="{FE348838-5194-DA38-2B8E-34FC0C6C6B8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T_3e70bf38690448959be5b2c025350527_EndDate" hidden="1">
            <a:extLst>
              <a:ext uri="{FF2B5EF4-FFF2-40B4-BE49-F238E27FC236}">
                <a16:creationId xmlns:a16="http://schemas.microsoft.com/office/drawing/2014/main" id="{754D40E5-BA33-6687-00E4-11A060E7A122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50" name="OTLSHAPE_SLT_07ff7467c4d541e38bf25b21977006a9_Duration" hidden="1">
            <a:extLst>
              <a:ext uri="{FF2B5EF4-FFF2-40B4-BE49-F238E27FC236}">
                <a16:creationId xmlns:a16="http://schemas.microsoft.com/office/drawing/2014/main" id="{DA298248-8BC8-DBFA-89A6-7DB0B57A136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6.1 days</a:t>
            </a:r>
          </a:p>
        </p:txBody>
      </p:sp>
      <p:sp>
        <p:nvSpPr>
          <p:cNvPr id="451" name="OTLSHAPE_SLT_07ff7467c4d541e38bf25b21977006a9_TextPercentage" hidden="1">
            <a:extLst>
              <a:ext uri="{FF2B5EF4-FFF2-40B4-BE49-F238E27FC236}">
                <a16:creationId xmlns:a16="http://schemas.microsoft.com/office/drawing/2014/main" id="{9EF1593F-C6BF-E693-5700-93E52F15C2E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2" name="OTLSHAPE_SLT_07ff7467c4d541e38bf25b21977006a9_JoinedDate" hidden="1">
            <a:extLst>
              <a:ext uri="{FF2B5EF4-FFF2-40B4-BE49-F238E27FC236}">
                <a16:creationId xmlns:a16="http://schemas.microsoft.com/office/drawing/2014/main" id="{ED147788-B028-9A4B-6B17-E830817CFA7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n 19 - Jun 29</a:t>
            </a:r>
          </a:p>
        </p:txBody>
      </p:sp>
      <p:sp>
        <p:nvSpPr>
          <p:cNvPr id="453" name="OTLSHAPE_SLT_07ff7467c4d541e38bf25b21977006a9_StartDate" hidden="1">
            <a:extLst>
              <a:ext uri="{FF2B5EF4-FFF2-40B4-BE49-F238E27FC236}">
                <a16:creationId xmlns:a16="http://schemas.microsoft.com/office/drawing/2014/main" id="{47457C4C-0832-419C-F83C-49549478D4A6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54" name="OTLSHAPE_SLT_07ff7467c4d541e38bf25b21977006a9_EndDate" hidden="1">
            <a:extLst>
              <a:ext uri="{FF2B5EF4-FFF2-40B4-BE49-F238E27FC236}">
                <a16:creationId xmlns:a16="http://schemas.microsoft.com/office/drawing/2014/main" id="{0696B3EE-1E4F-FDDB-EDD6-C9B179FF86D0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SLT_964dd225bc794dbcb1404edfa86e4dfb_Duration" hidden="1">
            <a:extLst>
              <a:ext uri="{FF2B5EF4-FFF2-40B4-BE49-F238E27FC236}">
                <a16:creationId xmlns:a16="http://schemas.microsoft.com/office/drawing/2014/main" id="{02845AA5-1A5C-CB3D-6937-A00CBEFF94D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8.3 days</a:t>
            </a:r>
          </a:p>
        </p:txBody>
      </p:sp>
      <p:sp>
        <p:nvSpPr>
          <p:cNvPr id="457" name="OTLSHAPE_SLT_964dd225bc794dbcb1404edfa86e4dfb_TextPercentage" hidden="1">
            <a:extLst>
              <a:ext uri="{FF2B5EF4-FFF2-40B4-BE49-F238E27FC236}">
                <a16:creationId xmlns:a16="http://schemas.microsoft.com/office/drawing/2014/main" id="{5BB2AA9C-4F75-90B8-552F-4B16ED4550D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SLT_964dd225bc794dbcb1404edfa86e4dfb_JoinedDate" hidden="1">
            <a:extLst>
              <a:ext uri="{FF2B5EF4-FFF2-40B4-BE49-F238E27FC236}">
                <a16:creationId xmlns:a16="http://schemas.microsoft.com/office/drawing/2014/main" id="{63C40BDD-7F26-34FE-2A5E-6B62F232D60F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464353"/>
            <a:ext cx="508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l 1 - Jul 11</a:t>
            </a:r>
          </a:p>
        </p:txBody>
      </p:sp>
      <p:sp>
        <p:nvSpPr>
          <p:cNvPr id="459" name="OTLSHAPE_SLT_964dd225bc794dbcb1404edfa86e4dfb_StartDate" hidden="1">
            <a:extLst>
              <a:ext uri="{FF2B5EF4-FFF2-40B4-BE49-F238E27FC236}">
                <a16:creationId xmlns:a16="http://schemas.microsoft.com/office/drawing/2014/main" id="{0F7B1D70-D666-AA4B-AF1F-730287306B83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T_964dd225bc794dbcb1404edfa86e4dfb_EndDate" hidden="1">
            <a:extLst>
              <a:ext uri="{FF2B5EF4-FFF2-40B4-BE49-F238E27FC236}">
                <a16:creationId xmlns:a16="http://schemas.microsoft.com/office/drawing/2014/main" id="{8B9A8242-F35A-5CC2-BF0B-CFE568BF3C1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SLT_b50d9a604bff4bec94209a69119bbc05_Duration" hidden="1">
            <a:extLst>
              <a:ext uri="{FF2B5EF4-FFF2-40B4-BE49-F238E27FC236}">
                <a16:creationId xmlns:a16="http://schemas.microsoft.com/office/drawing/2014/main" id="{AE986387-E9B9-AA48-1B3D-2D42E9786F4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6.3 days</a:t>
            </a:r>
          </a:p>
        </p:txBody>
      </p:sp>
      <p:sp>
        <p:nvSpPr>
          <p:cNvPr id="463" name="OTLSHAPE_SLT_b50d9a604bff4bec94209a69119bbc05_TextPercentage" hidden="1">
            <a:extLst>
              <a:ext uri="{FF2B5EF4-FFF2-40B4-BE49-F238E27FC236}">
                <a16:creationId xmlns:a16="http://schemas.microsoft.com/office/drawing/2014/main" id="{22CE0589-B3C6-97F7-60DA-30A6C57C7C2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SLT_b50d9a604bff4bec94209a69119bbc05_JoinedDate" hidden="1">
            <a:extLst>
              <a:ext uri="{FF2B5EF4-FFF2-40B4-BE49-F238E27FC236}">
                <a16:creationId xmlns:a16="http://schemas.microsoft.com/office/drawing/2014/main" id="{5DC831C9-4BE0-ABE9-9B97-BCDAD4B4E70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l 10 - Jul 20</a:t>
            </a:r>
          </a:p>
        </p:txBody>
      </p:sp>
      <p:sp>
        <p:nvSpPr>
          <p:cNvPr id="465" name="OTLSHAPE_SLT_b50d9a604bff4bec94209a69119bbc05_StartDate" hidden="1">
            <a:extLst>
              <a:ext uri="{FF2B5EF4-FFF2-40B4-BE49-F238E27FC236}">
                <a16:creationId xmlns:a16="http://schemas.microsoft.com/office/drawing/2014/main" id="{9EDF47BB-AFAC-20BD-4BB8-ED74045ED68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66" name="OTLSHAPE_SLT_b50d9a604bff4bec94209a69119bbc05_EndDate" hidden="1">
            <a:extLst>
              <a:ext uri="{FF2B5EF4-FFF2-40B4-BE49-F238E27FC236}">
                <a16:creationId xmlns:a16="http://schemas.microsoft.com/office/drawing/2014/main" id="{3C59EDE5-A136-FF2D-DE22-8DDDA7ADC251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SLT_18540a1b169243c79c1025e99fb61372_Duration" hidden="1">
            <a:extLst>
              <a:ext uri="{FF2B5EF4-FFF2-40B4-BE49-F238E27FC236}">
                <a16:creationId xmlns:a16="http://schemas.microsoft.com/office/drawing/2014/main" id="{D075FFEE-1FC0-DF23-2ECC-1BD534E44D6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475" name="OTLSHAPE_SLT_18540a1b169243c79c1025e99fb61372_TextPercentage" hidden="1">
            <a:extLst>
              <a:ext uri="{FF2B5EF4-FFF2-40B4-BE49-F238E27FC236}">
                <a16:creationId xmlns:a16="http://schemas.microsoft.com/office/drawing/2014/main" id="{EEB99976-B67F-532C-90EB-2F63C85B640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T_18540a1b169243c79c1025e99fb61372_JoinedDate" hidden="1">
            <a:extLst>
              <a:ext uri="{FF2B5EF4-FFF2-40B4-BE49-F238E27FC236}">
                <a16:creationId xmlns:a16="http://schemas.microsoft.com/office/drawing/2014/main" id="{335727B6-8B9E-2F1B-4358-409BD3A838F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l 20 - Jul 29</a:t>
            </a:r>
          </a:p>
        </p:txBody>
      </p:sp>
      <p:sp>
        <p:nvSpPr>
          <p:cNvPr id="485" name="OTLSHAPE_SLT_18540a1b169243c79c1025e99fb61372_StartDate" hidden="1">
            <a:extLst>
              <a:ext uri="{FF2B5EF4-FFF2-40B4-BE49-F238E27FC236}">
                <a16:creationId xmlns:a16="http://schemas.microsoft.com/office/drawing/2014/main" id="{C25B356A-DAB3-DCE3-D3BA-512EB87A8CA0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18540a1b169243c79c1025e99fb61372_EndDate" hidden="1">
            <a:extLst>
              <a:ext uri="{FF2B5EF4-FFF2-40B4-BE49-F238E27FC236}">
                <a16:creationId xmlns:a16="http://schemas.microsoft.com/office/drawing/2014/main" id="{956977CB-27A0-07C0-D9C5-6BEA8894A1B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6d6be110b01f42148831f9d5e736b478_TextPercentage" hidden="1">
            <a:extLst>
              <a:ext uri="{FF2B5EF4-FFF2-40B4-BE49-F238E27FC236}">
                <a16:creationId xmlns:a16="http://schemas.microsoft.com/office/drawing/2014/main" id="{3AE95C7A-86E9-D8AB-2EE9-35D82941118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SLT_6d6be110b01f42148831f9d5e736b478_JoinedDate" hidden="1">
            <a:extLst>
              <a:ext uri="{FF2B5EF4-FFF2-40B4-BE49-F238E27FC236}">
                <a16:creationId xmlns:a16="http://schemas.microsoft.com/office/drawing/2014/main" id="{8DEBED2F-008D-200E-C826-B767489A9ED7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464353"/>
            <a:ext cx="533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Jun 1 - Jul 30</a:t>
            </a:r>
          </a:p>
        </p:txBody>
      </p:sp>
      <p:sp>
        <p:nvSpPr>
          <p:cNvPr id="490" name="OTLSHAPE_SLT_6d6be110b01f42148831f9d5e736b478_StartDate" hidden="1">
            <a:extLst>
              <a:ext uri="{FF2B5EF4-FFF2-40B4-BE49-F238E27FC236}">
                <a16:creationId xmlns:a16="http://schemas.microsoft.com/office/drawing/2014/main" id="{27E484FC-9F50-9988-A686-DDAADFBA596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SLT_6d6be110b01f42148831f9d5e736b478_EndDate" hidden="1">
            <a:extLst>
              <a:ext uri="{FF2B5EF4-FFF2-40B4-BE49-F238E27FC236}">
                <a16:creationId xmlns:a16="http://schemas.microsoft.com/office/drawing/2014/main" id="{55F92990-768C-FDE4-24EB-63512FFD90B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T_294fe748a7124b39a3acbcb66a8d913c_TextPercentage" hidden="1">
            <a:extLst>
              <a:ext uri="{FF2B5EF4-FFF2-40B4-BE49-F238E27FC236}">
                <a16:creationId xmlns:a16="http://schemas.microsoft.com/office/drawing/2014/main" id="{6E0EB324-C07A-4D38-4BED-7AF75E825A4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SLT_294fe748a7124b39a3acbcb66a8d913c_JoinedDate" hidden="1">
            <a:extLst>
              <a:ext uri="{FF2B5EF4-FFF2-40B4-BE49-F238E27FC236}">
                <a16:creationId xmlns:a16="http://schemas.microsoft.com/office/drawing/2014/main" id="{F1379579-4A84-E6E6-2A3F-6FF0ADD8B63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464353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Sep 1 - Sep 29</a:t>
            </a:r>
          </a:p>
        </p:txBody>
      </p:sp>
      <p:sp>
        <p:nvSpPr>
          <p:cNvPr id="507" name="OTLSHAPE_SLT_294fe748a7124b39a3acbcb66a8d913c_StartDate" hidden="1">
            <a:extLst>
              <a:ext uri="{FF2B5EF4-FFF2-40B4-BE49-F238E27FC236}">
                <a16:creationId xmlns:a16="http://schemas.microsoft.com/office/drawing/2014/main" id="{414D291F-7BD4-0CD3-5357-39601740CCB4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T_294fe748a7124b39a3acbcb66a8d913c_EndDate" hidden="1">
            <a:extLst>
              <a:ext uri="{FF2B5EF4-FFF2-40B4-BE49-F238E27FC236}">
                <a16:creationId xmlns:a16="http://schemas.microsoft.com/office/drawing/2014/main" id="{55A366BA-F3F1-2DCA-C13D-6D4AE63EB223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SLT_af1e3d0a3492408f847e4063645d2402_TextPercentage" hidden="1">
            <a:extLst>
              <a:ext uri="{FF2B5EF4-FFF2-40B4-BE49-F238E27FC236}">
                <a16:creationId xmlns:a16="http://schemas.microsoft.com/office/drawing/2014/main" id="{1CEB06BE-2250-C994-D955-897531B2C5F5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1" name="OTLSHAPE_SLT_af1e3d0a3492408f847e4063645d2402_JoinedDate" hidden="1">
            <a:extLst>
              <a:ext uri="{FF2B5EF4-FFF2-40B4-BE49-F238E27FC236}">
                <a16:creationId xmlns:a16="http://schemas.microsoft.com/office/drawing/2014/main" id="{9F8323E2-72C3-995D-E65D-7FAB77F9CD51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464353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Aug 1 - Aug 30</a:t>
            </a:r>
          </a:p>
        </p:txBody>
      </p:sp>
      <p:sp>
        <p:nvSpPr>
          <p:cNvPr id="512" name="OTLSHAPE_SLT_af1e3d0a3492408f847e4063645d2402_StartDate" hidden="1">
            <a:extLst>
              <a:ext uri="{FF2B5EF4-FFF2-40B4-BE49-F238E27FC236}">
                <a16:creationId xmlns:a16="http://schemas.microsoft.com/office/drawing/2014/main" id="{B0CBADCB-0EF1-162F-AEAF-A7F5569206A6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SLT_af1e3d0a3492408f847e4063645d2402_EndDate" hidden="1">
            <a:extLst>
              <a:ext uri="{FF2B5EF4-FFF2-40B4-BE49-F238E27FC236}">
                <a16:creationId xmlns:a16="http://schemas.microsoft.com/office/drawing/2014/main" id="{70BBB4EB-2EBB-3EB9-ACAE-ECBB7BFF48A1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SLT_55f2cbcc513a455d8b16209a6b1b04be_Duration" hidden="1">
            <a:extLst>
              <a:ext uri="{FF2B5EF4-FFF2-40B4-BE49-F238E27FC236}">
                <a16:creationId xmlns:a16="http://schemas.microsoft.com/office/drawing/2014/main" id="{99E349EE-F9AB-3B14-6212-9F74A77D7FC7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6.5 days</a:t>
            </a:r>
          </a:p>
        </p:txBody>
      </p:sp>
      <p:sp>
        <p:nvSpPr>
          <p:cNvPr id="516" name="OTLSHAPE_SLT_55f2cbcc513a455d8b16209a6b1b04be_TextPercentage" hidden="1">
            <a:extLst>
              <a:ext uri="{FF2B5EF4-FFF2-40B4-BE49-F238E27FC236}">
                <a16:creationId xmlns:a16="http://schemas.microsoft.com/office/drawing/2014/main" id="{A1B3C480-9439-EAE3-68CD-7BB2FFA7C61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SLT_55f2cbcc513a455d8b16209a6b1b04be_JoinedDate" hidden="1">
            <a:extLst>
              <a:ext uri="{FF2B5EF4-FFF2-40B4-BE49-F238E27FC236}">
                <a16:creationId xmlns:a16="http://schemas.microsoft.com/office/drawing/2014/main" id="{28B7A3DC-29B4-4F78-286A-24224FEE9AE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464353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Aug 1 - Aug 11</a:t>
            </a:r>
          </a:p>
        </p:txBody>
      </p:sp>
      <p:sp>
        <p:nvSpPr>
          <p:cNvPr id="518" name="OTLSHAPE_SLT_55f2cbcc513a455d8b16209a6b1b04be_StartDate" hidden="1">
            <a:extLst>
              <a:ext uri="{FF2B5EF4-FFF2-40B4-BE49-F238E27FC236}">
                <a16:creationId xmlns:a16="http://schemas.microsoft.com/office/drawing/2014/main" id="{B4852385-1DD2-5BB8-E1A8-1B69D7A434AE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19" name="OTLSHAPE_SLT_55f2cbcc513a455d8b16209a6b1b04be_EndDate" hidden="1">
            <a:extLst>
              <a:ext uri="{FF2B5EF4-FFF2-40B4-BE49-F238E27FC236}">
                <a16:creationId xmlns:a16="http://schemas.microsoft.com/office/drawing/2014/main" id="{193BE289-7C10-53D0-716C-0C6E786B774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SLT_619e7a35b09e4de7abc305b745fc1c2a_Duration" hidden="1">
            <a:extLst>
              <a:ext uri="{FF2B5EF4-FFF2-40B4-BE49-F238E27FC236}">
                <a16:creationId xmlns:a16="http://schemas.microsoft.com/office/drawing/2014/main" id="{104D8D45-0D6F-170A-9193-89488AA30D31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8.5 days</a:t>
            </a:r>
          </a:p>
        </p:txBody>
      </p:sp>
      <p:sp>
        <p:nvSpPr>
          <p:cNvPr id="524" name="OTLSHAPE_SLT_619e7a35b09e4de7abc305b745fc1c2a_TextPercentage" hidden="1">
            <a:extLst>
              <a:ext uri="{FF2B5EF4-FFF2-40B4-BE49-F238E27FC236}">
                <a16:creationId xmlns:a16="http://schemas.microsoft.com/office/drawing/2014/main" id="{D2D681B0-153F-323D-93CE-2C6B4ECBEC7A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25" name="OTLSHAPE_SLT_619e7a35b09e4de7abc305b745fc1c2a_JoinedDate" hidden="1">
            <a:extLst>
              <a:ext uri="{FF2B5EF4-FFF2-40B4-BE49-F238E27FC236}">
                <a16:creationId xmlns:a16="http://schemas.microsoft.com/office/drawing/2014/main" id="{7106DFEC-CE86-15AB-80F3-BC825AF3F13A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Aug 10 - Aug 21</a:t>
            </a:r>
          </a:p>
        </p:txBody>
      </p:sp>
      <p:sp>
        <p:nvSpPr>
          <p:cNvPr id="526" name="OTLSHAPE_SLT_619e7a35b09e4de7abc305b745fc1c2a_StartDate" hidden="1">
            <a:extLst>
              <a:ext uri="{FF2B5EF4-FFF2-40B4-BE49-F238E27FC236}">
                <a16:creationId xmlns:a16="http://schemas.microsoft.com/office/drawing/2014/main" id="{6B506B50-5B28-AD60-D522-84A654594FF3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27" name="OTLSHAPE_SLT_619e7a35b09e4de7abc305b745fc1c2a_EndDate" hidden="1">
            <a:extLst>
              <a:ext uri="{FF2B5EF4-FFF2-40B4-BE49-F238E27FC236}">
                <a16:creationId xmlns:a16="http://schemas.microsoft.com/office/drawing/2014/main" id="{390DAD29-1B45-E438-D4D3-A74840A317E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SLT_c780a31ff7244e5db7abb8ca024055fc_Duration" hidden="1">
            <a:extLst>
              <a:ext uri="{FF2B5EF4-FFF2-40B4-BE49-F238E27FC236}">
                <a16:creationId xmlns:a16="http://schemas.microsoft.com/office/drawing/2014/main" id="{79D1087C-0192-A73D-CBAE-9F78662A2413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7.2 days</a:t>
            </a:r>
          </a:p>
        </p:txBody>
      </p:sp>
      <p:sp>
        <p:nvSpPr>
          <p:cNvPr id="530" name="OTLSHAPE_SLT_c780a31ff7244e5db7abb8ca024055fc_TextPercentage" hidden="1">
            <a:extLst>
              <a:ext uri="{FF2B5EF4-FFF2-40B4-BE49-F238E27FC236}">
                <a16:creationId xmlns:a16="http://schemas.microsoft.com/office/drawing/2014/main" id="{7ED19976-E5A0-6FBA-21E3-368D0A27E7BB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SLT_c780a31ff7244e5db7abb8ca024055fc_JoinedDate" hidden="1">
            <a:extLst>
              <a:ext uri="{FF2B5EF4-FFF2-40B4-BE49-F238E27FC236}">
                <a16:creationId xmlns:a16="http://schemas.microsoft.com/office/drawing/2014/main" id="{4B9EB036-2A59-9114-2732-59C7F662FC45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Aug 20 - Aug 30</a:t>
            </a:r>
          </a:p>
        </p:txBody>
      </p:sp>
      <p:sp>
        <p:nvSpPr>
          <p:cNvPr id="532" name="OTLSHAPE_SLT_c780a31ff7244e5db7abb8ca024055fc_StartDate" hidden="1">
            <a:extLst>
              <a:ext uri="{FF2B5EF4-FFF2-40B4-BE49-F238E27FC236}">
                <a16:creationId xmlns:a16="http://schemas.microsoft.com/office/drawing/2014/main" id="{1DAADBCB-AE53-E56B-C54C-81C461C4891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33" name="OTLSHAPE_SLT_c780a31ff7244e5db7abb8ca024055fc_EndDate" hidden="1">
            <a:extLst>
              <a:ext uri="{FF2B5EF4-FFF2-40B4-BE49-F238E27FC236}">
                <a16:creationId xmlns:a16="http://schemas.microsoft.com/office/drawing/2014/main" id="{C100E3CA-49C7-FA52-4F9B-6B261F9825BB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35" name="OTLSHAPE_SLT_b35a27552cbe4f0f872da8baec125766_Duration" hidden="1">
            <a:extLst>
              <a:ext uri="{FF2B5EF4-FFF2-40B4-BE49-F238E27FC236}">
                <a16:creationId xmlns:a16="http://schemas.microsoft.com/office/drawing/2014/main" id="{87F77F9D-5631-26BA-A6C7-44E60F6AC794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8.1 days</a:t>
            </a:r>
          </a:p>
        </p:txBody>
      </p:sp>
      <p:sp>
        <p:nvSpPr>
          <p:cNvPr id="536" name="OTLSHAPE_SLT_b35a27552cbe4f0f872da8baec125766_TextPercentage" hidden="1">
            <a:extLst>
              <a:ext uri="{FF2B5EF4-FFF2-40B4-BE49-F238E27FC236}">
                <a16:creationId xmlns:a16="http://schemas.microsoft.com/office/drawing/2014/main" id="{E19E3B13-1DC5-AE57-00E4-0A3891AA92A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SLT_b35a27552cbe4f0f872da8baec125766_JoinedDate" hidden="1">
            <a:extLst>
              <a:ext uri="{FF2B5EF4-FFF2-40B4-BE49-F238E27FC236}">
                <a16:creationId xmlns:a16="http://schemas.microsoft.com/office/drawing/2014/main" id="{DCA99FE4-5C61-7407-CF5E-E4F4199C1587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464353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Sep 1 - Sep 11</a:t>
            </a:r>
          </a:p>
        </p:txBody>
      </p:sp>
      <p:sp>
        <p:nvSpPr>
          <p:cNvPr id="538" name="OTLSHAPE_SLT_b35a27552cbe4f0f872da8baec125766_StartDate" hidden="1">
            <a:extLst>
              <a:ext uri="{FF2B5EF4-FFF2-40B4-BE49-F238E27FC236}">
                <a16:creationId xmlns:a16="http://schemas.microsoft.com/office/drawing/2014/main" id="{5D0DADEE-FCE8-A4C8-A648-FE91D52ED72D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SLT_b35a27552cbe4f0f872da8baec125766_EndDate" hidden="1">
            <a:extLst>
              <a:ext uri="{FF2B5EF4-FFF2-40B4-BE49-F238E27FC236}">
                <a16:creationId xmlns:a16="http://schemas.microsoft.com/office/drawing/2014/main" id="{092FE7BA-9B0E-CE84-30E0-85855B33C77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41" name="OTLSHAPE_SLT_819d9bc8b0984a6cb22f5d2395cf1ac6_Duration" hidden="1">
            <a:extLst>
              <a:ext uri="{FF2B5EF4-FFF2-40B4-BE49-F238E27FC236}">
                <a16:creationId xmlns:a16="http://schemas.microsoft.com/office/drawing/2014/main" id="{02A4B299-003C-8395-B813-1B6DF79AD88C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7.5 days</a:t>
            </a:r>
          </a:p>
        </p:txBody>
      </p:sp>
      <p:sp>
        <p:nvSpPr>
          <p:cNvPr id="542" name="OTLSHAPE_SLT_819d9bc8b0984a6cb22f5d2395cf1ac6_TextPercentage" hidden="1">
            <a:extLst>
              <a:ext uri="{FF2B5EF4-FFF2-40B4-BE49-F238E27FC236}">
                <a16:creationId xmlns:a16="http://schemas.microsoft.com/office/drawing/2014/main" id="{5419BEF8-BB05-BA89-D37F-F003CD31B31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3" name="OTLSHAPE_SLT_819d9bc8b0984a6cb22f5d2395cf1ac6_JoinedDate" hidden="1">
            <a:extLst>
              <a:ext uri="{FF2B5EF4-FFF2-40B4-BE49-F238E27FC236}">
                <a16:creationId xmlns:a16="http://schemas.microsoft.com/office/drawing/2014/main" id="{269F82F9-B670-E4D3-4415-0AD76FCF353E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52590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Sep 10 - Sep 20</a:t>
            </a:r>
          </a:p>
        </p:txBody>
      </p:sp>
      <p:sp>
        <p:nvSpPr>
          <p:cNvPr id="544" name="OTLSHAPE_SLT_819d9bc8b0984a6cb22f5d2395cf1ac6_StartDate" hidden="1">
            <a:extLst>
              <a:ext uri="{FF2B5EF4-FFF2-40B4-BE49-F238E27FC236}">
                <a16:creationId xmlns:a16="http://schemas.microsoft.com/office/drawing/2014/main" id="{F386823A-9121-A72F-163C-C0DDABBBD13A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SLT_819d9bc8b0984a6cb22f5d2395cf1ac6_EndDate" hidden="1">
            <a:extLst>
              <a:ext uri="{FF2B5EF4-FFF2-40B4-BE49-F238E27FC236}">
                <a16:creationId xmlns:a16="http://schemas.microsoft.com/office/drawing/2014/main" id="{C2C91A1F-67E1-3AD9-8269-69F337BB3A94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SLT_e5e316d20582456a824fe0c8cafeb5ab_Duration" hidden="1">
            <a:extLst>
              <a:ext uri="{FF2B5EF4-FFF2-40B4-BE49-F238E27FC236}">
                <a16:creationId xmlns:a16="http://schemas.microsoft.com/office/drawing/2014/main" id="{1E877714-9B11-3785-1456-4D6EC7F941B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i="1">
                <a:solidFill>
                  <a:srgbClr val="737373"/>
                </a:solidFill>
                <a:latin typeface="Calibri" panose="020F0502020204030204" pitchFamily="34" charset="0"/>
              </a:rPr>
              <a:t>6.1 days</a:t>
            </a:r>
          </a:p>
        </p:txBody>
      </p:sp>
      <p:sp>
        <p:nvSpPr>
          <p:cNvPr id="548" name="OTLSHAPE_SLT_e5e316d20582456a824fe0c8cafeb5ab_TextPercentage" hidden="1">
            <a:extLst>
              <a:ext uri="{FF2B5EF4-FFF2-40B4-BE49-F238E27FC236}">
                <a16:creationId xmlns:a16="http://schemas.microsoft.com/office/drawing/2014/main" id="{7CE5811B-26BC-0DB0-2B5F-4BD0073AA143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49" name="OTLSHAPE_SLT_e5e316d20582456a824fe0c8cafeb5ab_JoinedDate" hidden="1">
            <a:extLst>
              <a:ext uri="{FF2B5EF4-FFF2-40B4-BE49-F238E27FC236}">
                <a16:creationId xmlns:a16="http://schemas.microsoft.com/office/drawing/2014/main" id="{ECC132CB-5543-B439-2581-3985883C273C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525909"/>
            <a:ext cx="6350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Sep 19 - Sep 29</a:t>
            </a:r>
          </a:p>
        </p:txBody>
      </p:sp>
      <p:sp>
        <p:nvSpPr>
          <p:cNvPr id="550" name="OTLSHAPE_SLT_e5e316d20582456a824fe0c8cafeb5ab_StartDate" hidden="1">
            <a:extLst>
              <a:ext uri="{FF2B5EF4-FFF2-40B4-BE49-F238E27FC236}">
                <a16:creationId xmlns:a16="http://schemas.microsoft.com/office/drawing/2014/main" id="{2578A712-87F3-1D4D-7297-A844F52AE4E6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1" name="OTLSHAPE_SLT_e5e316d20582456a824fe0c8cafeb5ab_EndDate" hidden="1">
            <a:extLst>
              <a:ext uri="{FF2B5EF4-FFF2-40B4-BE49-F238E27FC236}">
                <a16:creationId xmlns:a16="http://schemas.microsoft.com/office/drawing/2014/main" id="{F4C3FA46-9E9C-6F95-A9DD-4A8BFAC73CA1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SLT_ad9b37afa3564cfa92005eda350aded8_TextPercentage" hidden="1">
            <a:extLst>
              <a:ext uri="{FF2B5EF4-FFF2-40B4-BE49-F238E27FC236}">
                <a16:creationId xmlns:a16="http://schemas.microsoft.com/office/drawing/2014/main" id="{32DB49A7-2097-FC05-074C-5CDCB4801A7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SLT_ad9b37afa3564cfa92005eda350aded8_JoinedDate" hidden="1">
            <a:extLst>
              <a:ext uri="{FF2B5EF4-FFF2-40B4-BE49-F238E27FC236}">
                <a16:creationId xmlns:a16="http://schemas.microsoft.com/office/drawing/2014/main" id="{7711BADF-1BF9-3A07-9884-965043AE10C0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464353"/>
            <a:ext cx="596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rgbClr val="09213B"/>
                </a:solidFill>
                <a:latin typeface="Calibri" panose="020F0502020204030204" pitchFamily="34" charset="0"/>
              </a:rPr>
              <a:t>Aug 1 - Sep 29</a:t>
            </a:r>
          </a:p>
        </p:txBody>
      </p:sp>
      <p:sp>
        <p:nvSpPr>
          <p:cNvPr id="555" name="OTLSHAPE_SLT_ad9b37afa3564cfa92005eda350aded8_StartDate" hidden="1">
            <a:extLst>
              <a:ext uri="{FF2B5EF4-FFF2-40B4-BE49-F238E27FC236}">
                <a16:creationId xmlns:a16="http://schemas.microsoft.com/office/drawing/2014/main" id="{F3698D5F-D001-4DFA-6A7C-FE44613960C4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sp>
        <p:nvSpPr>
          <p:cNvPr id="556" name="OTLSHAPE_SLT_ad9b37afa3564cfa92005eda350aded8_EndDate" hidden="1">
            <a:extLst>
              <a:ext uri="{FF2B5EF4-FFF2-40B4-BE49-F238E27FC236}">
                <a16:creationId xmlns:a16="http://schemas.microsoft.com/office/drawing/2014/main" id="{443D80D9-57FD-E96D-581C-256E7EA1497F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rgbClr val="09213B"/>
              </a:solidFill>
              <a:latin typeface="Calibri" panose="020F0502020204030204" pitchFamily="34" charset="0"/>
            </a:endParaRPr>
          </a:p>
        </p:txBody>
      </p:sp>
      <p:cxnSp>
        <p:nvCxnSpPr>
          <p:cNvPr id="358" name="OTLSHAPE_TB_00000000000000000000000000000000_Separator1">
            <a:extLst>
              <a:ext uri="{FF2B5EF4-FFF2-40B4-BE49-F238E27FC236}">
                <a16:creationId xmlns:a16="http://schemas.microsoft.com/office/drawing/2014/main" id="{D84D8199-3530-4C5D-AC58-2E7B8E466373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344009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Separator2">
            <a:extLst>
              <a:ext uri="{FF2B5EF4-FFF2-40B4-BE49-F238E27FC236}">
                <a16:creationId xmlns:a16="http://schemas.microsoft.com/office/drawing/2014/main" id="{695B5D12-C3AF-429B-90EB-CC9C5D2FF507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6096000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B_00000000000000000000000000000000_Separator3">
            <a:extLst>
              <a:ext uri="{FF2B5EF4-FFF2-40B4-BE49-F238E27FC236}">
                <a16:creationId xmlns:a16="http://schemas.microsoft.com/office/drawing/2014/main" id="{715603C0-B23D-4BE9-A602-875C0D683380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8751905" y="2146300"/>
            <a:ext cx="0" cy="203200"/>
          </a:xfrm>
          <a:prstGeom prst="line">
            <a:avLst/>
          </a:prstGeom>
          <a:ln w="9525" cap="flat" cmpd="sng" algn="ctr">
            <a:solidFill>
              <a:srgbClr val="0B0C0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0" name="OTLSHAPE_M_ce2baea0373841e59d64442bfab3fcd0_Shape">
            <a:extLst>
              <a:ext uri="{FF2B5EF4-FFF2-40B4-BE49-F238E27FC236}">
                <a16:creationId xmlns:a16="http://schemas.microsoft.com/office/drawing/2014/main" id="{C5C4CE93-4788-43C4-B5E0-931E1EA33701}"/>
              </a:ext>
            </a:extLst>
          </p:cNvPr>
          <p:cNvSpPr/>
          <p:nvPr>
            <p:custDataLst>
              <p:tags r:id="rId191"/>
            </p:custDataLst>
          </p:nvPr>
        </p:nvSpPr>
        <p:spPr>
          <a:xfrm rot="16200000">
            <a:off x="595634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1" name="OTLSHAPE_M_b3cb0dee30a941b595aaa6af70cd9f04_Shape">
            <a:extLst>
              <a:ext uri="{FF2B5EF4-FFF2-40B4-BE49-F238E27FC236}">
                <a16:creationId xmlns:a16="http://schemas.microsoft.com/office/drawing/2014/main" id="{35A84654-D27C-459F-9308-88408C074A3C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 rot="16200000">
            <a:off x="11268152" y="1615228"/>
            <a:ext cx="165100" cy="165100"/>
          </a:xfrm>
          <a:prstGeom prst="flowChartMerge">
            <a:avLst/>
          </a:prstGeom>
          <a:solidFill>
            <a:srgbClr val="43AA8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2" name="OTLSHAPE_M_8b370620bb764b8e8cc5cc7c274a3175_Shape">
            <a:extLst>
              <a:ext uri="{FF2B5EF4-FFF2-40B4-BE49-F238E27FC236}">
                <a16:creationId xmlns:a16="http://schemas.microsoft.com/office/drawing/2014/main" id="{93DFC95E-3E3D-4C86-947C-E0464E8270D7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332573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" name="OTLSHAPE_M_380d31cd42614ca689b841b9ae525c0a_Shape">
            <a:extLst>
              <a:ext uri="{FF2B5EF4-FFF2-40B4-BE49-F238E27FC236}">
                <a16:creationId xmlns:a16="http://schemas.microsoft.com/office/drawing/2014/main" id="{3F7E021F-39E2-46EE-9DE1-A0218E475CC3}"/>
              </a:ext>
            </a:extLst>
          </p:cNvPr>
          <p:cNvSpPr/>
          <p:nvPr>
            <p:custDataLst>
              <p:tags r:id="rId194"/>
            </p:custDataLst>
          </p:nvPr>
        </p:nvSpPr>
        <p:spPr>
          <a:xfrm>
            <a:off x="8637546" y="2374900"/>
            <a:ext cx="228600" cy="254000"/>
          </a:xfrm>
          <a:prstGeom prst="diamond">
            <a:avLst/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0" name="OTLSHAPE_M_6e1bbe3303c84389a6c6927150b74804_Shape">
            <a:extLst>
              <a:ext uri="{FF2B5EF4-FFF2-40B4-BE49-F238E27FC236}">
                <a16:creationId xmlns:a16="http://schemas.microsoft.com/office/drawing/2014/main" id="{7BDDEC3C-C6AE-4314-B719-86712BE2F9FD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 rot="16200000">
            <a:off x="5442296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3" name="OTLSHAPE_M_6dc2965cfa71454c820c588bc9d487de_Shape">
            <a:extLst>
              <a:ext uri="{FF2B5EF4-FFF2-40B4-BE49-F238E27FC236}">
                <a16:creationId xmlns:a16="http://schemas.microsoft.com/office/drawing/2014/main" id="{EE6B4411-346E-42E5-B35D-47675A07A678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 rot="16200000">
            <a:off x="10497083" y="1162685"/>
            <a:ext cx="165100" cy="165100"/>
          </a:xfrm>
          <a:prstGeom prst="flowChartMerge">
            <a:avLst/>
          </a:prstGeom>
          <a:solidFill>
            <a:srgbClr val="B44C4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M_6fb7ee9d9c86477dbb03785e5085955d_Shape">
            <a:extLst>
              <a:ext uri="{FF2B5EF4-FFF2-40B4-BE49-F238E27FC236}">
                <a16:creationId xmlns:a16="http://schemas.microsoft.com/office/drawing/2014/main" id="{09846A28-E9A9-4E9D-8232-B4A047A13881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 rot="16200000">
            <a:off x="987230" y="1544701"/>
            <a:ext cx="228600" cy="228600"/>
          </a:xfrm>
          <a:prstGeom prst="flowChartMerge">
            <a:avLst/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ac3778eeb4084cca91c7d624c29f2218_Shape">
            <a:extLst>
              <a:ext uri="{FF2B5EF4-FFF2-40B4-BE49-F238E27FC236}">
                <a16:creationId xmlns:a16="http://schemas.microsoft.com/office/drawing/2014/main" id="{CE8EF39C-B61F-4DCA-AEEC-ECAC48275CF6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581029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b11d0bcfe6014f559de0e23012b499f0_Shape">
            <a:extLst>
              <a:ext uri="{FF2B5EF4-FFF2-40B4-BE49-F238E27FC236}">
                <a16:creationId xmlns:a16="http://schemas.microsoft.com/office/drawing/2014/main" id="{63B907C2-D00A-474B-956F-C127A83E9913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11122102" y="23749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0B31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96" name="OTLSHAPE_SLA_010f4d795af3404ab449cad7cec02b6c_Shape">
            <a:extLst>
              <a:ext uri="{FF2B5EF4-FFF2-40B4-BE49-F238E27FC236}">
                <a16:creationId xmlns:a16="http://schemas.microsoft.com/office/drawing/2014/main" id="{5DA58979-4024-C5A5-3315-562EE266DBC8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9922661" y="6328325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1" name="OTLSHAPE_SLA_fb0d3c051b444fc3bd4f6535d78f46b0_Shape">
            <a:extLst>
              <a:ext uri="{FF2B5EF4-FFF2-40B4-BE49-F238E27FC236}">
                <a16:creationId xmlns:a16="http://schemas.microsoft.com/office/drawing/2014/main" id="{52A2EE14-872F-AC33-D43F-1A3BA8365A57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10351033" y="6328325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5" name="OTLSHAPE_SLA_ff3b76a45a05483abcf7e2177b7e4e67_Shape">
            <a:extLst>
              <a:ext uri="{FF2B5EF4-FFF2-40B4-BE49-F238E27FC236}">
                <a16:creationId xmlns:a16="http://schemas.microsoft.com/office/drawing/2014/main" id="{84BF2C23-AB38-8CE7-F66B-A04C739BDB16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10779404" y="6328325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57" name="OTLSHAPE_SLA_0d2dbc1ed30b4f539c4a4b4610d45b4b_Shape">
            <a:extLst>
              <a:ext uri="{FF2B5EF4-FFF2-40B4-BE49-F238E27FC236}">
                <a16:creationId xmlns:a16="http://schemas.microsoft.com/office/drawing/2014/main" id="{CD2E799E-3701-8E6F-AD69-48E7985E97D7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4610852" y="4584235"/>
            <a:ext cx="228600" cy="254000"/>
          </a:xfrm>
          <a:prstGeom prst="chevron">
            <a:avLst>
              <a:gd name="adj" fmla="val 30000"/>
            </a:avLst>
          </a:prstGeom>
          <a:solidFill>
            <a:srgbClr val="EF9A1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0" name="OTLSHAPE_SLA_b686ecd16cd04193bf72ba62cc8db071_Shape">
            <a:extLst>
              <a:ext uri="{FF2B5EF4-FFF2-40B4-BE49-F238E27FC236}">
                <a16:creationId xmlns:a16="http://schemas.microsoft.com/office/drawing/2014/main" id="{B60B2A51-A676-62A1-8CA1-2B1F304A4541}"/>
              </a:ext>
            </a:extLst>
          </p:cNvPr>
          <p:cNvSpPr/>
          <p:nvPr>
            <p:custDataLst>
              <p:tags r:id="rId204"/>
            </p:custDataLst>
          </p:nvPr>
        </p:nvSpPr>
        <p:spPr>
          <a:xfrm>
            <a:off x="5039223" y="4584235"/>
            <a:ext cx="228600" cy="254000"/>
          </a:xfrm>
          <a:prstGeom prst="chevron">
            <a:avLst>
              <a:gd name="adj" fmla="val 30000"/>
            </a:avLst>
          </a:prstGeom>
          <a:solidFill>
            <a:srgbClr val="D2840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63" name="OTLSHAPE_SLA_e1c8d611e8cd44029d0747333207b65d_Shape">
            <a:extLst>
              <a:ext uri="{FF2B5EF4-FFF2-40B4-BE49-F238E27FC236}">
                <a16:creationId xmlns:a16="http://schemas.microsoft.com/office/drawing/2014/main" id="{A2BF7E33-0142-75B4-687F-C0A8D8506D83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5467595" y="4584235"/>
            <a:ext cx="228600" cy="254000"/>
          </a:xfrm>
          <a:prstGeom prst="chevron">
            <a:avLst>
              <a:gd name="adj" fmla="val 30000"/>
            </a:avLst>
          </a:prstGeom>
          <a:solidFill>
            <a:srgbClr val="AC6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" name="OTLSHAPE_M_6fb7ee9d9c86477dbb03785e5085955d_Title">
            <a:extLst>
              <a:ext uri="{FF2B5EF4-FFF2-40B4-BE49-F238E27FC236}">
                <a16:creationId xmlns:a16="http://schemas.microsoft.com/office/drawing/2014/main" id="{3AD60F58-BCAA-4BBF-9491-7E2347AD9453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47580" y="1425702"/>
            <a:ext cx="58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400" b="1" u="sng" spc="-18" dirty="0">
                <a:solidFill>
                  <a:srgbClr val="714809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13" name="OTLSHAPE_M_6fb7ee9d9c86477dbb03785e5085955d_Date">
            <a:extLst>
              <a:ext uri="{FF2B5EF4-FFF2-40B4-BE49-F238E27FC236}">
                <a16:creationId xmlns:a16="http://schemas.microsoft.com/office/drawing/2014/main" id="{B3A9CB97-7283-47F4-9C0D-975BAF3142BB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47580" y="1655445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14" dirty="0">
                <a:solidFill>
                  <a:srgbClr val="975F0C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26" name="OTLSHAPE_M_ce2baea0373841e59d64442bfab3fcd0_Title">
            <a:extLst>
              <a:ext uri="{FF2B5EF4-FFF2-40B4-BE49-F238E27FC236}">
                <a16:creationId xmlns:a16="http://schemas.microsoft.com/office/drawing/2014/main" id="{2A24773E-2949-4E8E-8638-960B7FB8F74B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615319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1</a:t>
            </a:r>
          </a:p>
        </p:txBody>
      </p:sp>
      <p:sp>
        <p:nvSpPr>
          <p:cNvPr id="27" name="OTLSHAPE_M_ce2baea0373841e59d64442bfab3fcd0_Date">
            <a:extLst>
              <a:ext uri="{FF2B5EF4-FFF2-40B4-BE49-F238E27FC236}">
                <a16:creationId xmlns:a16="http://schemas.microsoft.com/office/drawing/2014/main" id="{7F7117A4-2C6D-4A1D-9F86-DAE8668D8B62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6153192" y="16864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9" name="OTLSHAPE_M_b3cb0dee30a941b595aaa6af70cd9f04_Title">
            <a:extLst>
              <a:ext uri="{FF2B5EF4-FFF2-40B4-BE49-F238E27FC236}">
                <a16:creationId xmlns:a16="http://schemas.microsoft.com/office/drawing/2014/main" id="{C31E0B2F-F543-4825-9C2D-AF9039BDA06B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1465002" y="1503257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Release 2</a:t>
            </a:r>
          </a:p>
        </p:txBody>
      </p:sp>
      <p:sp>
        <p:nvSpPr>
          <p:cNvPr id="30" name="OTLSHAPE_M_b3cb0dee30a941b595aaa6af70cd9f04_Date">
            <a:extLst>
              <a:ext uri="{FF2B5EF4-FFF2-40B4-BE49-F238E27FC236}">
                <a16:creationId xmlns:a16="http://schemas.microsoft.com/office/drawing/2014/main" id="{5AA3F43C-B8F7-4E7B-A60B-187C1FF2BE69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1465002" y="16864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15" name="OTLSHAPE_M_8b370620bb764b8e8cc5cc7c274a3175_Title">
            <a:extLst>
              <a:ext uri="{FF2B5EF4-FFF2-40B4-BE49-F238E27FC236}">
                <a16:creationId xmlns:a16="http://schemas.microsoft.com/office/drawing/2014/main" id="{46FB75B3-B3EE-4680-8E24-707FD00817A1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2866589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M_8b370620bb764b8e8cc5cc7c274a3175_Date">
            <a:extLst>
              <a:ext uri="{FF2B5EF4-FFF2-40B4-BE49-F238E27FC236}">
                <a16:creationId xmlns:a16="http://schemas.microsoft.com/office/drawing/2014/main" id="{19730C39-E1D8-41F5-B5DE-5A0B88ED6202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3274322" y="26543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9" name="OTLSHAPE_M_ac3778eeb4084cca91c7d624c29f2218_Title">
            <a:extLst>
              <a:ext uri="{FF2B5EF4-FFF2-40B4-BE49-F238E27FC236}">
                <a16:creationId xmlns:a16="http://schemas.microsoft.com/office/drawing/2014/main" id="{BA642F68-1937-4A4F-AEA9-0D4BF9024B74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5427303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0" name="OTLSHAPE_M_ac3778eeb4084cca91c7d624c29f2218_Date">
            <a:extLst>
              <a:ext uri="{FF2B5EF4-FFF2-40B4-BE49-F238E27FC236}">
                <a16:creationId xmlns:a16="http://schemas.microsoft.com/office/drawing/2014/main" id="{2B23785B-2DEB-4572-8F6D-70732DFB2E4F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5777674" y="2654300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Jul 29</a:t>
            </a:r>
          </a:p>
        </p:txBody>
      </p:sp>
      <p:sp>
        <p:nvSpPr>
          <p:cNvPr id="246" name="OTLSHAPE_M_380d31cd42614ca689b841b9ae525c0a_Title">
            <a:extLst>
              <a:ext uri="{FF2B5EF4-FFF2-40B4-BE49-F238E27FC236}">
                <a16:creationId xmlns:a16="http://schemas.microsoft.com/office/drawing/2014/main" id="{AD83B188-A4E0-4F86-A7DD-0AA4CF47F94B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8178398" y="28220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akeholder Review</a:t>
            </a:r>
            <a:endParaRPr lang="en-US" sz="1100" b="1" spc="-8" dirty="0">
              <a:solidFill>
                <a:srgbClr val="222518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M_380d31cd42614ca689b841b9ae525c0a_Date">
            <a:extLst>
              <a:ext uri="{FF2B5EF4-FFF2-40B4-BE49-F238E27FC236}">
                <a16:creationId xmlns:a16="http://schemas.microsoft.com/office/drawing/2014/main" id="{DD610AC1-6845-41DA-A060-6DAEC1F8ED3F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8573115" y="265430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Aug 31</a:t>
            </a:r>
          </a:p>
        </p:txBody>
      </p:sp>
      <p:sp>
        <p:nvSpPr>
          <p:cNvPr id="249" name="OTLSHAPE_M_b11d0bcfe6014f559de0e23012b499f0_Title">
            <a:extLst>
              <a:ext uri="{FF2B5EF4-FFF2-40B4-BE49-F238E27FC236}">
                <a16:creationId xmlns:a16="http://schemas.microsoft.com/office/drawing/2014/main" id="{FBA953D0-6532-4C4C-836B-B09B3E679E10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0739112" y="2822025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222518"/>
                </a:solidFill>
                <a:latin typeface="Calibri" panose="020F0502020204030204" pitchFamily="34" charset="0"/>
              </a:rPr>
              <a:t>Strategy Meeting</a:t>
            </a:r>
          </a:p>
        </p:txBody>
      </p:sp>
      <p:sp>
        <p:nvSpPr>
          <p:cNvPr id="252" name="OTLSHAPE_M_b11d0bcfe6014f559de0e23012b499f0_Date">
            <a:extLst>
              <a:ext uri="{FF2B5EF4-FFF2-40B4-BE49-F238E27FC236}">
                <a16:creationId xmlns:a16="http://schemas.microsoft.com/office/drawing/2014/main" id="{2AAC010D-F946-4D7A-9507-E38308E90400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1063534" y="26543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434931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478" name="OTLSHAPE_M_6e1bbe3303c84389a6c6927150b74804_Title">
            <a:extLst>
              <a:ext uri="{FF2B5EF4-FFF2-40B4-BE49-F238E27FC236}">
                <a16:creationId xmlns:a16="http://schemas.microsoft.com/office/drawing/2014/main" id="{A593BACB-3A3C-4870-BEA7-AB5ED1A518B8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5639146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222518"/>
                </a:solidFill>
                <a:latin typeface="Calibri" panose="020F0502020204030204" pitchFamily="34" charset="0"/>
              </a:rPr>
              <a:t>Staging R1</a:t>
            </a:r>
          </a:p>
        </p:txBody>
      </p:sp>
      <p:sp>
        <p:nvSpPr>
          <p:cNvPr id="479" name="OTLSHAPE_M_6e1bbe3303c84389a6c6927150b74804_Date">
            <a:extLst>
              <a:ext uri="{FF2B5EF4-FFF2-40B4-BE49-F238E27FC236}">
                <a16:creationId xmlns:a16="http://schemas.microsoft.com/office/drawing/2014/main" id="{C2AF4CA2-D759-4F85-A074-F7035469858F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5639146" y="123393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434931"/>
                </a:solidFill>
                <a:latin typeface="Calibri" panose="020F0502020204030204" pitchFamily="34" charset="0"/>
              </a:rPr>
              <a:t>Jul 23</a:t>
            </a:r>
          </a:p>
        </p:txBody>
      </p:sp>
      <p:sp>
        <p:nvSpPr>
          <p:cNvPr id="481" name="OTLSHAPE_M_6dc2965cfa71454c820c588bc9d487de_Title">
            <a:extLst>
              <a:ext uri="{FF2B5EF4-FFF2-40B4-BE49-F238E27FC236}">
                <a16:creationId xmlns:a16="http://schemas.microsoft.com/office/drawing/2014/main" id="{54BA08DE-C858-4C43-B93A-ED028AA963DE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0693933" y="1050713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rgbClr val="222518"/>
                </a:solidFill>
                <a:latin typeface="Calibri" panose="020F0502020204030204" pitchFamily="34" charset="0"/>
              </a:rPr>
              <a:t>Staging R2</a:t>
            </a:r>
          </a:p>
        </p:txBody>
      </p:sp>
      <p:sp>
        <p:nvSpPr>
          <p:cNvPr id="482" name="OTLSHAPE_M_6dc2965cfa71454c820c588bc9d487de_Date">
            <a:extLst>
              <a:ext uri="{FF2B5EF4-FFF2-40B4-BE49-F238E27FC236}">
                <a16:creationId xmlns:a16="http://schemas.microsoft.com/office/drawing/2014/main" id="{C323111F-98A8-4E0A-B1F8-2638D3982F13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0693933" y="123393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492" name="OTLSHAPE_SLA_0d2dbc1ed30b4f539c4a4b4610d45b4b_Title" hidden="1">
            <a:extLst>
              <a:ext uri="{FF2B5EF4-FFF2-40B4-BE49-F238E27FC236}">
                <a16:creationId xmlns:a16="http://schemas.microsoft.com/office/drawing/2014/main" id="{E6104411-036B-6A34-CD9A-E2569FC4A895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</a:p>
        </p:txBody>
      </p:sp>
      <p:sp>
        <p:nvSpPr>
          <p:cNvPr id="493" name="OTLSHAPE_SLA_0d2dbc1ed30b4f539c4a4b4610d45b4b_Date" hidden="1">
            <a:extLst>
              <a:ext uri="{FF2B5EF4-FFF2-40B4-BE49-F238E27FC236}">
                <a16:creationId xmlns:a16="http://schemas.microsoft.com/office/drawing/2014/main" id="{F9DD1149-526B-0D0C-9014-3BD106F688F8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Jul 15</a:t>
            </a:r>
          </a:p>
        </p:txBody>
      </p:sp>
      <p:sp>
        <p:nvSpPr>
          <p:cNvPr id="494" name="OTLSHAPE_SLA_b686ecd16cd04193bf72ba62cc8db071_Title" hidden="1">
            <a:extLst>
              <a:ext uri="{FF2B5EF4-FFF2-40B4-BE49-F238E27FC236}">
                <a16:creationId xmlns:a16="http://schemas.microsoft.com/office/drawing/2014/main" id="{AC0B375E-2C72-117D-5A93-BA702E6F3BF5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495" name="OTLSHAPE_SLA_b686ecd16cd04193bf72ba62cc8db071_Date" hidden="1">
            <a:extLst>
              <a:ext uri="{FF2B5EF4-FFF2-40B4-BE49-F238E27FC236}">
                <a16:creationId xmlns:a16="http://schemas.microsoft.com/office/drawing/2014/main" id="{8AD341C1-AF36-2E40-DE26-D3F407BB3F2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Jul 20</a:t>
            </a:r>
          </a:p>
        </p:txBody>
      </p:sp>
      <p:sp>
        <p:nvSpPr>
          <p:cNvPr id="497" name="OTLSHAPE_SLA_e1c8d611e8cd44029d0747333207b65d_Title" hidden="1">
            <a:extLst>
              <a:ext uri="{FF2B5EF4-FFF2-40B4-BE49-F238E27FC236}">
                <a16:creationId xmlns:a16="http://schemas.microsoft.com/office/drawing/2014/main" id="{C61FA977-C3CA-1F53-2970-1724396A18EC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T3</a:t>
            </a:r>
          </a:p>
        </p:txBody>
      </p:sp>
      <p:sp>
        <p:nvSpPr>
          <p:cNvPr id="498" name="OTLSHAPE_SLA_e1c8d611e8cd44029d0747333207b65d_Date" hidden="1">
            <a:extLst>
              <a:ext uri="{FF2B5EF4-FFF2-40B4-BE49-F238E27FC236}">
                <a16:creationId xmlns:a16="http://schemas.microsoft.com/office/drawing/2014/main" id="{660C579D-DE1A-35B3-43BD-C6EA607EA38B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558" name="OTLSHAPE_SLA_010f4d795af3404ab449cad7cec02b6c_Title" hidden="1">
            <a:extLst>
              <a:ext uri="{FF2B5EF4-FFF2-40B4-BE49-F238E27FC236}">
                <a16:creationId xmlns:a16="http://schemas.microsoft.com/office/drawing/2014/main" id="{5DB253C8-4983-B260-2619-95496B3B5C8D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T1</a:t>
            </a:r>
          </a:p>
        </p:txBody>
      </p:sp>
      <p:sp>
        <p:nvSpPr>
          <p:cNvPr id="559" name="OTLSHAPE_SLA_010f4d795af3404ab449cad7cec02b6c_Date" hidden="1">
            <a:extLst>
              <a:ext uri="{FF2B5EF4-FFF2-40B4-BE49-F238E27FC236}">
                <a16:creationId xmlns:a16="http://schemas.microsoft.com/office/drawing/2014/main" id="{36103646-D894-9F40-792C-68EB5894BBFC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561" name="OTLSHAPE_SLA_fb0d3c051b444fc3bd4f6535d78f46b0_Title" hidden="1">
            <a:extLst>
              <a:ext uri="{FF2B5EF4-FFF2-40B4-BE49-F238E27FC236}">
                <a16:creationId xmlns:a16="http://schemas.microsoft.com/office/drawing/2014/main" id="{7ABEDDF7-F6E3-089F-FD26-F66BA4E6DFCE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T2</a:t>
            </a:r>
          </a:p>
        </p:txBody>
      </p:sp>
      <p:sp>
        <p:nvSpPr>
          <p:cNvPr id="562" name="OTLSHAPE_SLA_fb0d3c051b444fc3bd4f6535d78f46b0_Date" hidden="1">
            <a:extLst>
              <a:ext uri="{FF2B5EF4-FFF2-40B4-BE49-F238E27FC236}">
                <a16:creationId xmlns:a16="http://schemas.microsoft.com/office/drawing/2014/main" id="{CF7BD337-B6B3-91AC-EB1F-B27082236CE5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64" name="OTLSHAPE_SLA_ff3b76a45a05483abcf7e2177b7e4e67_Title" hidden="1">
            <a:extLst>
              <a:ext uri="{FF2B5EF4-FFF2-40B4-BE49-F238E27FC236}">
                <a16:creationId xmlns:a16="http://schemas.microsoft.com/office/drawing/2014/main" id="{7F4E9590-C4CB-295F-A513-427A40037E04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>
                <a:solidFill>
                  <a:srgbClr val="222518"/>
                </a:solidFill>
                <a:latin typeface="Calibri" panose="020F0502020204030204" pitchFamily="34" charset="0"/>
              </a:rPr>
              <a:t>S3</a:t>
            </a:r>
          </a:p>
        </p:txBody>
      </p:sp>
      <p:sp>
        <p:nvSpPr>
          <p:cNvPr id="565" name="OTLSHAPE_SLA_ff3b76a45a05483abcf7e2177b7e4e67_Date" hidden="1">
            <a:extLst>
              <a:ext uri="{FF2B5EF4-FFF2-40B4-BE49-F238E27FC236}">
                <a16:creationId xmlns:a16="http://schemas.microsoft.com/office/drawing/2014/main" id="{D868504A-BC15-571F-F534-554F31782041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34931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250" name="TextBox 249">
            <a:extLst>
              <a:ext uri="{FF2B5EF4-FFF2-40B4-BE49-F238E27FC236}">
                <a16:creationId xmlns:a16="http://schemas.microsoft.com/office/drawing/2014/main" id="{395F385B-96D2-462F-B824-F0FC9E4F3C96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4271851" y="185858"/>
            <a:ext cx="365617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defRPr/>
            </a:pPr>
            <a:r>
              <a:rPr lang="en-US" sz="3600" dirty="0">
                <a:solidFill>
                  <a:srgbClr val="222518"/>
                </a:solidFill>
                <a:latin typeface="+mj-lt"/>
              </a:rPr>
              <a:t>Agile Project Plan</a:t>
            </a:r>
          </a:p>
        </p:txBody>
      </p:sp>
      <p:pic>
        <p:nvPicPr>
          <p:cNvPr id="36" name="Picture 35" descr="Icon&#10;&#10;Description automatically generated">
            <a:extLst>
              <a:ext uri="{FF2B5EF4-FFF2-40B4-BE49-F238E27FC236}">
                <a16:creationId xmlns:a16="http://schemas.microsoft.com/office/drawing/2014/main" id="{1077B91D-76A1-A23F-4764-462B8A16C1C8}"/>
              </a:ext>
            </a:extLst>
          </p:cNvPr>
          <p:cNvPicPr>
            <a:picLocks noChangeAspect="1"/>
          </p:cNvPicPr>
          <p:nvPr/>
        </p:nvPicPr>
        <p:blipFill>
          <a:blip r:embed="rId2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20971" y="4711080"/>
            <a:ext cx="2333128" cy="3305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828566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OTdmNmI0MTUtYjgzMy00Mzc4LWI1OTEtYmFmNzVkYWVhMzM1IiwiU3RhcnREYXRlIjoiMjAyNS0wNi0wMVQwMDowMDowMFoiLCJFbmREYXRlIjoiMjAyNS0wNi0zMFQyMzo1OTowMFoiLCJQZXJjZW50YWdlQ29tcGxldGUiOm51bGwsIlN0eWxlIjp7IiRpZCI6IjciLCJTaGFwZSI6MC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nRydWUsIklzVW5kZXJsaW5lZCI6ZmFsc2UsIlBhcmVudFN0eWxlIjpudWxsfSwiQXV0b1NpemUiOjAsIkZvcmVncm91bmQiOnsiJGlkIjoiMTkiLCJDb2xvciI6eyIkaWQiOiIyMC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jU1LCJHIjoyNTUsIkIiOjI1NX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1MCwiRyI6OTMsIkIiOjg5fX0sIklzVmlzaWJsZSI6dHJ1ZSwiV2lkdGgiOjE5Ni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IsIkZvbnROYW1lIjoiQ2FsaWJyaSIsIklzQm9sZCI6dHJ1ZSwiSXNJdGFsaWMiOmZhbHNlLCJJc1VuZGVybGluZWQiOmZhbHNlLCJQYXJlbnRTdHlsZSI6bnVsbH0sIkF1dG9TaXplIjoyLCJGb3JlZ3JvdW5kIjp7IiRpZCI6IjQyIiwiQ29sb3IiOnsiJGlkIjoiNDMiLCJBIjoyNTUsIlIiOjI0MiwiRyI6MjQ4LCJCIjoyNDd9fSwiTWF4V2lkdGgiOjEyMD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gsIkZvbnROYW1lIjoiQ2FsaWJyaSIsIklzQm9sZCI6ZmFsc2UsIklzSXRhbGljIjpmYWxzZSwiSXNVbmRlcmxpbmVkIjpmYWxzZSwiUGFyZW50U3R5bGUiOm51bGx9LCJBdXRvU2l6ZSI6MCwiRm9yZWdyb3VuZCI6eyIkaWQiOiI1MSIsIkNvbG9yIjp7IiRpZCI6IjUy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TUi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nRydWUsIklzVW5kZXJsaW5lZCI6ZmFsc2UsIlBhcmVudFN0eWxlIjpudWxsfSwiQXV0b1NpemUiOjAsIkZvcmVncm91bmQiOnsiJGlkIjoiNzEiLCJDb2xvciI6eyIkaWQiOiI3Mi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cmVmIjoiNTUifSwiSXNWaXNpYmxlIjp0cnVlLCJXaWR0aCI6MC4wLCJIZWlnaHQiOjAuMCwiQm9yZGVyU3R5bGUiOnsiJGlkIjoiMTAwIiwiTGluZUNvbG9yIjpudWxsLCJMaW5lV2VpZ2h0IjowLjAsIkxpbmVUeXBlIjowLCJQYXJlbnRTdHlsZSI6bnVsbH0sIlBhcmVudFN0eWxlIjpudWxsfSwiRGF0ZUZvcm1hdCI6eyIkaWQiOiIx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csIkciOjczLCJCIjo0OX19LCJNYXhXaWR0aCI6MjAwLjAsIk1heEhlaWdodCI6IkluZmluaXR5IiwiU21hcnRGb3JlZ3JvdW5kSXNBY3RpdmUiOmZhbHNlLCJIb3Jpem9udGFsQWxpZ25tZW50Ijoy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m51bGwsIlBhcmVudFN0eWxlIjpudWxsfSwiRGF0ZUZvcm1hdCI6eyIkaWQiOiIxM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x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pZCI6IjE0MyIsIkNvbG9yIjp7IiRpZCI6IjE0NCIsIkEiOjAsIlIiOjI1NSwiRyI6MjU1LCJCIjoyNTV9fSwiSXNWaXNpYmxlIjp0cnVlLCJXaWR0aCI6MC4wLCJIZWlnaHQiOjAuMCwiQm9yZGVyU3R5bGUiOm51bGwsIlBhcmVudFN0eWxlIjpudWxsfSwiRGF0ZVN0eWxlIjp7IiRpZCI6IjE0NSIsIkZvbnRTZXR0aW5ncyI6eyIkaWQiOiIxNDYiLCJGb250U2l6ZSI6MTAsIkZvbnROYW1lIjoiQ2FsaWJyaSIsIklzQm9sZCI6ZmFsc2UsIklzSXRhbGljIjpmYWxzZSwiSXNVbmRlcmxpbmVkIjpmYWxzZSwiUGFyZW50U3R5bGUiOm51bGx9LCJBdXRvU2l6ZSI6MCwiRm9yZWdyb3VuZCI6eyIkaWQiOiIxNDciLCJDb2xvciI6eyIkaWQiOiIxNDg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EyNiJ9LCJQYWRkaW5nIjp7IiRyZWYiOiIxMjcifSwiQmFja2dyb3VuZCI6eyIkaWQiOiIxNDkiLCJDb2xvciI6eyIkaWQiOiIxNTAiLCJBIjowLCJSIjoyNTUsIkciOjI1NSwiQiI6MjU1fX0sIklzVmlzaWJsZSI6dHJ1ZSwiV2lkdGgiOjAuMCwiSGVpZ2h0IjowLjAsIkJvcmRlclN0eWxlIjpudWxsLCJQYXJlbnRTdHlsZSI6bnVsbH0sIkRhdGVGb3JtYXQiOnsiJHJlZiI6IjEzMCJ9LCJXZWVrTnVtYmVyaW5nIjp7IiRpZCI6IjE1M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yZWYiOiIxNSJ9fSwiSXNWaXNpYmxlIjp0cnVlLCJXaWR0aCI6MC4wLCJIZWlnaHQiOjAuMCwiQm9yZGVyU3R5bGUiOnsiJGlkIjoiMTY4IiwiTGluZUNvbG9yIjpudWxsLCJMaW5lV2VpZ2h0IjowLjAsIkxpbmVUeXBlIjowLCJQYXJlbnRTdHlsZSI6bnVsbH0sIlBhcmVudFN0eWxlIjpudWxsfSwiSG9yaXpvbnRhbENvbm5lY3RvclN0eWxlIjp7IiRpZCI6IjE2OSIsIkxpbmVDb2xvciI6eyIkcmVmIjoiMjcifSwiTGluZVdlaWdodCI6MS4wLCJMaW5lVHlwZSI6MCwiUGFyZW50U3R5bGUiOm51bGx9LCJWZXJ0aWNhbENvbm5lY3RvclN0eWxlIjp7IiRpZCI6IjE3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I3In0sIkxpbmVXZWlnaHQiOjEuMCwiTGluZVR5cGUiOjAsIlBhcmVudFN0eWxlIjpudWxsfSwiVmVydGljYWxDb25uZWN0b3JTdHlsZSI6eyIkaWQiOiIyMz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Q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yNzEiLCJDb2xvciI6eyIkaWQiOiIyNzIiLCJBIjowLCJSIjoyNTUsIkciOjI1NSwiQiI6MjU1fX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yODUiLCJMaW5lQ29sb3IiOm51bGwsIkxpbmVXZWlnaHQiOjAuMCwiTGluZVR5cGUiOjAsIlBhcmVudFN0eWxlIjpudWxsfSwiUGFyZW50U3R5bGUiOm51bGx9LCJEdXJhdGlvblN0eWxlIjp7IiRpZCI6IjI4NiIsIkZvbnRTZXR0aW5ncyI6eyIkaWQiOiIyODc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I4OCIsIkxpbmVDb2xvciI6bnVsbCwiTGluZVdlaWdodCI6MC4wLCJMaW5lVHlwZSI6MCwiUGFyZW50U3R5bGUiOm51bGx9LCJQYXJlbnRTdHlsZSI6bnVsbH0sIkhvcml6b250YWxDb25uZWN0b3JTdHlsZSI6eyIkaWQiOiIyODkiLCJMaW5lQ29sb3IiOnsiJHJlZiI6IjI3In0sIkxpbmVXZWlnaHQiOjEuMCwiTGluZVR5cGUiOjAsIlBhcmVudFN0eWxlIjpudWxsfSwiVmVydGljYWxDb25uZWN0b3JTdHlsZSI6eyIkaWQiOiIyOTA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I5OSIsIkNvbG9yIjp7IiRpZCI6IjMwMCIsIkEiOjAsIlIiOjI1NSwiRyI6MjU1LCJCIjoyNTV9fSwiSXNWaXNpYmxlIjp0cnVlLCJXaWR0aCI6MC4wLCJIZWlnaHQiOjAuMCwiQm9yZGVyU3R5bGUiOnsiJGlkIjoiMzAxIiwiTGluZUNvbG9yIjpudWxsLCJMaW5lV2VpZ2h0IjowLjAsIkxpbmVUeXBlIjowLCJQYXJlbnRTdHlsZSI6bnVsbH0sIlBhcmVudFN0eWxlIjpudWxsfSwiRGF0ZVN0eWxlIjp7IiRpZCI6IjMwMiIsIkZvbnRTZXR0aW5ncyI6eyIkaWQiOiIzMDMiLCJGb250U2l6ZSI6O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MzE2IiwiTGluZUNvbG9yIjpudWxsLCJMaW5lV2VpZ2h0IjowLjAsIkxpbmVUeXBlIjowLCJQYXJlbnRTdHlsZSI6bnVsbH0sIlBhcmVudFN0eWxlIjpudWxsfSwiSG9yaXpvbnRhbENvbm5lY3RvclN0eWxlIjp7IiRpZCI6IjMxNyIsIkxpbmVDb2xvciI6eyIkcmVmIjoiMjcifSwiTGluZVdlaWdodCI6MS4wLCJMaW5lVHlwZSI6MCwiUGFyZW50U3R5bGUiOm51bGx9LCJWZXJ0aWNhbENvbm5lY3RvclN0eWxlIjp7IiRpZCI6IjMxO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zMjciLCJDb2xvciI6eyIkaWQiOiIzMjgiLCJBIjowLCJSIjoyNTUsIkciOjI1NSwiQiI6MjU1fX0sIklzVmlzaWJsZSI6dHJ1ZSwiV2lkdGgiOjAuMCwiSGVpZ2h0IjowLjAsIkJvcmRlclN0eWxlIjp7IiRpZCI6IjMyOSIsIkxpbmVDb2xvciI6bnVsbCwiTGluZVdlaWdodCI6MC4wLCJMaW5lVHlwZSI6MCwiUGFyZW50U3R5bGUiOm51bGx9LCJQYXJlbnRTdHlsZSI6bnVsbH0sIkRhdGVTdHlsZSI6eyIkaWQiOiIzMzAiLCJGb250U2V0dGluZ3MiOnsiJGlkIjoiMzMx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pZCI6IjM1OSIsIkNvbG9yIjp7IiRpZCI6IjM2MCIsIkEiOjAsIlIiOjI1NSwiRyI6MjU1LCJCIjoyNTV9fSwiSXNWaXNpYmxlIjpmYWxzZSwiV2lkdGgiOjAuMCwiSGVpZ2h0IjowLjAsIkJvcmRlclN0eWxlIjp7IiRpZCI6IjM2MSIsIkxpbmVDb2xvciI6bnVsbCwiTGluZVdlaWdodCI6MC4wLCJMaW5lVHlwZSI6MCwiUGFyZW50U3R5bGUiOm51bGx9LCJQYXJlbnRTdHlsZSI6bnVsbH0sIkRh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2NywiRyI6NzMsIkIiOjQ5fX0sIk1heFdpZHRoIjoyMDAuMCwiTWF4SGVpZ2h0IjoiSW5maW5pdHkiLCJTbWFydEZvcmVncm91bmRJc0FjdGl2ZSI6ZmFsc2UsIkhvcml6b250YWxBbGlnbm1lbnQiOjI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GlkIjoiMzY4IiwiQ29sb3IiOnsiJGlkIjoiMzY5IiwiQSI6MCwiUiI6MjU1LCJHIjoyNTUsIkIiOjI1NX19LCJJc1Zpc2libGUiOmZhbHNlLCJXaWR0aCI6MC4wLCJIZWlnaHQiOjAuMCwiQm9yZGVyU3R5bGUiOnsiJGlkIjoiMzcwIiwiTGluZUNvbG9yIjpudWxsLCJMaW5lV2VpZ2h0IjowLjAsIkxpbmVUeXBlIjowLCJQYXJlbnRTdHlsZSI6bnVsbH0sIlBhcmVudFN0eWxlIjpudWxsfSwiRGF0ZUZvcm1hdCI6eyIkaWQiOiIz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zg5IiwiQ29sb3IiOnsiJGlkIjoiMzkwIiwiQSI6MCwiUiI6MjU1LCJHIjoyNTUsIkIiOjI1NX19LCJJc1Zpc2libGUiOmZhbHN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aWQiOiIzOTQiLCJDb2xvciI6eyIkaWQiOiIzOTU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0MTYiLCJDb2xvciI6eyIkaWQiOiI0MTciLCJBIjowLCJSIjoyNTUsIkciOjI1NSwiQiI6MjU1fX0sIklzVmlzaWJsZSI6ZmFsc2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pZCI6IjQyMSIsIkNvbG9yIjp7IiRpZCI6IjQyMi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zMyIsIlRvcCI6MC4wLCJMZWZ0IjowLjAsIlJpZ2h0IjowLjAsIkJvdHRvbSI6MC4wfSwiUGFkZGluZyI6eyIkaWQiOiI0MzQiLCJUb3AiOjAuMCwiTGVmdCI6MC4wLCJSaWdodCI6MC4wLCJCb3R0b20iOjAuMH0sIkJhY2tncm91bmQiOnsiJHJlZiI6IjE0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xMCwiRm9udE5hbWUiOiJDYWxpYnJpIiwiSXNCb2xkIjpmYWxzZSwiSXNJdGFsaWMiOnRydWUsIklzVW5kZXJsaW5lZCI6ZmFsc2UsIlBhcmVudFN0eWxlIjpudWxsfSwiQXV0b1NpemUiOjAsIkZvcmVncm91bmQiOnsiJGlkIjoiNDM4IiwiQ29sb3IiOnsiJGlkIjoiNDM5IiwiQSI6MjU1LCJSIjo3NSwiRyI6MzIsIkIiOjI3fX0sIk1heFdpZHRoIjoyMDAuMCwiTWF4SGVpZ2h0IjoiSW5maW5pdHkiLCJTbWFydEZvcmVncm91bmRJc0FjdGl2ZSI6ZmFsc2UsIkhvcml6b250YWxBbGlnbm1lbnQiOjA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udWxsfSwiTWFyZ2luIjp7IiRpZCI6IjQ4OCIsIlRvcCI6MC4wLCJMZWZ0IjowLjAsIlJpZ2h0IjowLjAsIkJvdHRvbSI6MC4wfSwiUGFkZGluZyI6eyIkaWQiOiI0ODkiLCJUb3AiOjAuMCwiTGVmdCI6MC4wLCJSaWdodCI6MC4wLCJCb3R0b20iOjAuMH0sIkJhY2tncm91bmQiOm51bGwsIklzVmlzaWJsZSI6dHJ1ZSwiV2lkdGgiOjAuMCwiSGVpZ2h0IjowLjAsIkJvcmRlclN0eWxlIjpudWxsLCJQYXJlbnRTdHlsZSI6bnVsbH0sIkJhY2tncm91bmR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aWQiOiI1MzMiLCJDb2xvciI6eyIkaWQiOiI1MzQiLCJBIjo4OSwiUiI6MCwiRyI6MCwiQiI6MH19LCJJc1Zpc2libGUiOnRydWUsIldpZHRoIjowLjAsIkhlaWdodCI6MC4wLCJCb3JkZXJTdHlsZSI6bnVsbCwiUGFyZW50U3R5bGUiOm51bGx9LCJEdXJhdGlvblN0eWxlIjp7IiRpZCI6IjUzNSIsIkZvbnRTZXR0aW5ncyI6eyIkaWQiOiI1MzYiLCJGb250U2l6ZSI6MTAsIkZvbnROYW1lIjoiQ2FsaWJyaSIsIklzQm9sZCI6ZmFsc2UsIklzSXRhbGljIjp0cnVlLCJJc1VuZGVybGluZWQiOmZhbHNlLCJQYXJlbnRTdHlsZSI6bnVsbH0sIkF1dG9TaXplIjowLCJGb3JlZ3JvdW5kIjp7IiRpZCI6IjUzNyIsIkNvbG9yIjp7IiRpZCI6IjUzOC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aWQiOiI1NzEiLCJDb2xvciI6eyIkcmVmIjoiNTM0In19LCJJc1Zpc2libGUiOnRydWUsIldpZHRoIjowLjAsIkhlaWdodCI6MC4wLCJCb3JkZXJTdHlsZSI6bnVsbCwiUGFyZW50U3R5bGUiOm51bGx9LCJEYXRlRm9ybWF0Ijp7IiRpZCI6IjU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MiLCJGb3JtYXQiOjAsIklzVmlzaWJsZSI6ZmFsc2UsIkxhc3RLbm93blZpc2liaWxpdHlTdGF0ZSI6ZmFsc2V9LCJJc1Zpc2libGUiOnRydWUsIlBhcmVudFN0eWxlIjpudWxsLCJfZXhwbGljaXRseVNldCI6eyIkaWQiOiI1N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AsIlIiOjI1NSwiRyI6MjU1LCJCIjoyNTV9fSwiSXNWaXNpYmxlIjpmYWxzZSwiV2lkdGgiOjAuMCwiSGVpZ2h0IjowLjAsIkJvcmRlclN0eWxlIjpudWxsLCJQYXJlbnRTdHlsZSI6bnVsbH0sIkRhdGVGb3JtYXQiOnsiJGlkIjoiNj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pZCI6IjY4NSIsIkEiOjAsIlIiOjI1NSwiRyI6MjU1LCJCIjoyNTV9fSwiSXNWaXNpYmxlIjp0cnVlLCJXaWR0aCI6MC4wLCJIZWlnaHQiOjAuMCwiQm9yZGVyU3R5bGUiOnsiJGlkIjoiNjg2IiwiTGluZUNvbG9yIjpudWxsLCJMaW5lV2VpZ2h0IjowLjAsIkxpbmVUeXBlIjowLCJQYXJlbnRTdHlsZSI6bnVsbH0sIlBhcmVudFN0eWxlIjpudWxsfSwiSG9yaXpvbnRhbENvbm5lY3RvclN0eWxlIjp7IiRpZCI6IjY4NyIsIkxpbmVDb2xvciI6eyIkcmVmIjoiMjcifSwiTGluZVdlaWdodCI6MS4wLCJMaW5lVHlwZSI6MCwiUGFyZW50U3R5bGUiOm51bGx9LCJWZXJ0aWNhbENvbm5lY3RvclN0eWxlIjp7IiRpZCI6IjY4OC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NzA4IiwiVG9wIjowLjAsIkxlZnQiOjAuMCwiUmlnaHQiOjAuMCwiQm90dG9tIjowLjB9LCJQYWRkaW5nIjp7IiRpZCI6IjcwOSIsIlRvcCI6MC4wLCJMZWZ0IjowLjAsIlJpZ2h0IjowLjAsIkJvdHRvbSI6MC4wfSwiQmFja2dyb3VuZCI6eyIkcmVmIjoiNTUifSwiSXNWaXNpYmxlIjp0cnVlLCJXaWR0aCI6MC4wLCJIZWlnaHQiOjAuMCwiQm9yZGVyU3R5bGUiOnsiJGlkIjoiNzEwIiwiTGluZUNvbG9yIjpudWxsLCJMaW5lV2VpZ2h0IjowLjAsIkxpbmVUeXBlIjowLCJQYXJlbnRTdHlsZSI6bnVsbH0sIlBhcmVudFN0eWxlIjpudWxsfSwiRGF0ZUZvcm1hdCI6eyIkaWQiOiI3M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pZCI6Ijc3MiIsIkNvbG9yIjp7IiRpZCI6Ijc3MyIsIkEiOjAsIlIiOjI1NSwiRyI6MjU1LCJCIjoyNTV9fSwiSXNWaXNpYmxlIjp0cnVlLCJXaWR0aCI6MC4wLCJIZWlnaHQiOjAuMCwiQm9yZGVyU3R5bGUiOm51bGwsIlBhcmVudFN0eWxlIjpudWxsfSwiRGF0ZV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GlkIjoiNzkyIiwiQ29sb3IiOnsiJGlkIjoiNzkzIiwiQSI6MCwiUiI6MjU1LCJHIjoyNTUsIkIiOjI1NX19LCJJc1Zpc2libGUiOnRydWUsIldpZHRoIjowLjAsIkhlaWdodCI6MC4wLCJCb3JkZXJTdHlsZSI6bnVsbCwiUGFyZW50U3R5bGUiOm51bGx9LCJEYXRlU3R5bGUiOnsiJGlkIjoiNzk0IiwiRm9udFNldHRpbmdzIjp7IiRpZCI6Ijc5NSIsIkZvbnRTaXplIjoxMCwiRm9udE5hbWUiOiJDYWxpYnJpIiwiSXNCb2xkIjpmYWxzZSwiSXNJdGFsaWMiOmZhbHNlLCJJc1VuZGVybGluZWQiOmZhbHNlLCJQYXJlbnRTdHlsZSI6bnVsbH0sIkF1dG9TaXplIjowLCJGb3JlZ3JvdW5kIjp7IiRpZCI6Ijc5NiIsIkNvbG9yIjp7IiRpZCI6Ijc5Ny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TI2In0sIlBhZGRpbmciOnsiJHJlZiI6IjEyNyJ9LCJCYWNrZ3JvdW5kIjp7IiRpZCI6Ijc5OCIsIkNvbG9yIjp7IiRpZCI6Ijc5OSIsIkEiOjAsIlIiOjI1NSwiRyI6MjU1LCJCIjoyNTV9fSwiSXNWaXNpYmxlIjp0cnVlLCJXaWR0aCI6MC4wLCJIZWlnaHQiOjAuMCwiQm9yZGVyU3R5bGUiOm51bGwsIlBhcmVudFN0eWxlIjpudWxsfSwiRGF0ZUZvcm1hdCI6eyIkcmVmIjoiMTMwIn0sIldlZWtOdW1iZXJpbmciOnsiJGlkIjoiODAw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gwNyIsIkxpbmVDb2xvciI6bnVsbCwiTGluZVdlaWdodCI6MC4wLCJMaW5lVHlwZSI6MCwiUGFyZW50U3R5bGUiOm51bGx9LCJQYXJlbnRTdHlsZSI6bnVsbH0sIkR1cmF0aW9uU3R5bGUiOnsiJGlkIjoiODA4IiwiRm9udFNldHRpbmdzIjp7IiRpZCI6IjgwO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ODEwIiwiTGluZUNvbG9yIjpudWxsLCJMaW5lV2VpZ2h0IjowLjAsIkxpbmVUeXBlIjowLCJQYXJlbnRTdHlsZSI6bnVsbH0sIlBhcmVudFN0eWxlIjpudWxsfSwiSG9yaXpvbnRhbENvbm5lY3RvclN0eWxlIjp7IiRpZCI6IjgxMSIsIkxpbmVDb2xvciI6eyIkcmVmIjoiMjcifSwiTGluZVdlaWdodCI6MS4wLCJMaW5lVHlwZSI6MCwiUGFyZW50U3R5bGUiOm51bGx9LCJWZXJ0aWNhbENvbm5lY3RvclN0eWxlIjp7IiRpZCI6Ijgx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ODIxIiwiQ29sb3IiOnsiJGlkIjoiODIyIiwiQSI6MCwiUiI6MjU1LCJHIjoyNTUsIkIiOjI1NX19LCJJc1Zpc2libGUiOnRydWUsIldpZHRoIjowLjAsIkhlaWdodCI6MC4wLCJCb3JkZXJTdHlsZSI6eyIkaWQiOiI4MjMiLCJMaW5lQ29sb3IiOm51bGwsIkxpbmVXZWlnaHQiOjAuMCwiTGluZVR5cGUiOjAsIlBhcmVudFN0eWxlIjpudWxsfSwiUGFyZW50U3R5bGUiOm51bGx9LCJEYXRlU3R5bGUiOnsiJGlkIjoiODI0IiwiRm9udFNldHRpbmdzIjp7IiRpZCI6IjgyN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gzNSIsIkxpbmVDb2xvciI6bnVsbCwiTGluZVdlaWdodCI6MC4wLCJMaW5lVHlwZSI6MCwiUGFyZW50U3R5bGUiOm51bGx9LCJQYXJlbnRTdHlsZSI6bnVsbH0sIkR1cmF0aW9uU3R5bGUiOnsiJGlkIjoiODM2IiwiRm9udFNldHRpbmdzIjp7IiRpZCI6IjgzNy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ODM4IiwiTGluZUNvbG9yIjpudWxsLCJMaW5lV2VpZ2h0IjowLjAsIkxpbmVUeXBlIjowLCJQYXJlbnRTdHlsZSI6bnVsbH0sIlBhcmVudFN0eWxlIjpudWxsfSwiSG9yaXpvbnRhbENvbm5lY3RvclN0eWxlIjp7IiRpZCI6IjgzOSIsIkxpbmVDb2xvciI6eyIkcmVmIjoiMjcifSwiTGluZVdlaWdodCI6MS4wLCJMaW5lVHlwZSI6MCwiUGFyZW50U3R5bGUiOm51bGx9LCJWZXJ0aWNhbENvbm5lY3RvclN0eWxlIjp7IiRpZCI6Ijg0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DEiLCJNYXJnaW4iOnsiJHJlZiI6IjE3MiJ9LCJQYWRkaW5nIjp7IiRyZWYiOiIxNzMifSwiQmFja2dyb3VuZCI6eyIkaWQiOiI4NDIiLCJDb2xvciI6eyIkaWQiOiI4NDMiLCJBIjoyNTUsIlIiOjU4LCJHIjoxNDYsIkIiOjEyMH19LCJJc1Zpc2libGUiOnRydWUsIldpZHRoIjowLjAsIkhlaWdodCI6MTAuMCwiQm9yZGVyU3R5bGUiOnsiJGlkIjoiODQ0IiwiTGluZUNvbG9yIjp7IiRyZWYiOiIzOCJ9LCJMaW5lV2VpZ2h0IjowLjAsIkxpbmVUeXBlIjowLCJQYXJlbnRTdHlsZSI6bnVsbH0sIlBhcmVudFN0eWxlIjpudWxsfSwiVGl0b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yNDIsIkciOjI0OCwiQiI6MjQ3fX0sIk1heFdpZHRoIjo5NjAuMC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ODQ5IiwiQ29sb3IiOnsiJGlkIjoiODUwIiwiQSI6MCwiUiI6MjU1LCJHIjoyNTUsIkIiOjI1NX19LCJJc1Zpc2libGUiOnRydWUsIldpZHRoIjowLjAsIkhlaWdodCI6MC4wLCJCb3JkZXJTdHlsZSI6eyIkaWQiOiI4NTEiLCJMaW5lQ29sb3IiOm51bGwsIkxpbmVXZWlnaHQiOjAuMCwiTGluZVR5cGUiOjAsIlBhcmVudFN0eWxlIjpudWxsfSwiUGFyZW50U3R5bGUiOm51bGx9LCJEYXRlU3R5bGUiOnsiJGlkIjoiODUyIiwiRm9udFNldHRpbmdzIjp7IiRpZCI6Ijg1My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g2MyIsIkxpbmVDb2xvciI6bnVsbCwiTGluZVdlaWdodCI6MC4wLCJMaW5lVHlwZSI6MCwiUGFyZW50U3R5bGUiOm51bGx9LCJQYXJlbnRTdHlsZSI6bnVsbH0sIkR1cmF0aW9uU3R5bGUiOnsiJGlkIjoiODY0IiwiRm9udFNldHRpbmdzIjp7IiRpZCI6Ijg2N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ODY2IiwiTGluZUNvbG9yIjpudWxsLCJMaW5lV2VpZ2h0IjowLjAsIkxpbmVUeXBlIjowLCJQYXJlbnRTdHlsZSI6bnVsbH0sIlBhcmVudFN0eWxlIjpudWxsfSwiSG9yaXpvbnRhbENvbm5lY3RvclN0eWxlIjp7IiRpZCI6Ijg2NyIsIkxpbmVDb2xvciI6eyIkcmVmIjoiMjcifSwiTGluZVdlaWdodCI6MS4wLCJMaW5lVHlwZSI6MCwiUGFyZW50U3R5bGUiOm51bGx9LCJWZXJ0aWNhbENvbm5lY3RvclN0eWxlIjp7IiRpZCI6Ijg2O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kzMyIsIkNvbG9yIjp7IiRpZCI6IjkzNCIsIkEiOjAsIlIiOjI1NSwiRyI6MjU1LCJCIjoyNTV9fSwiSXNWaXNpYmxlIjp0cnVlLCJXaWR0aCI6MC4wLCJIZWlnaHQiOjAuMCwiQm9yZGVyU3R5bGUiOnsiJGlkIjoiOTM1IiwiTGluZUNvbG9yIjpudWxsLCJMaW5lV2VpZ2h0IjowLjAsIkxpbmVUeXBlIjowLCJQYXJlbnRTdHlsZSI6bnVsbH0sIlBhcmVudFN0eWxlIjpudWxsfSwiRGF0ZVN0eWxlIjp7IiRpZCI6IjkzNiIsIkZvbnRTZXR0aW5ncyI6eyIkaWQiOiI5MzciLCJGb250U2l6ZSI6O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MTU4In0sIlBhZGRpbmciOnsiJHJlZiI6IjE1OSJ9LCJCYWNrZ3JvdW5kIjp7IiRyZWYiOiIxNCJ9LCJJc1Zpc2libGUiOnRydWUsIldpZHRoIjowLjAsIkhlaWdodCI6MC4wLCJCb3JkZXJTdHlsZSI6eyIkaWQiOiI5NDciLCJMaW5lQ29sb3IiOm51bGwsIkxpbmVXZWlnaHQiOjAuMCwiTGluZVR5cGUiOjAsIlBhcmVudFN0eWxlIjpudWxsfSwiUGFyZW50U3R5bGUiOm51bGx9LCJEdXJhdGlvblN0eWxlIjp7IiRpZCI6Ijk0OCIsIkZvbnRTZXR0aW5ncyI6eyIkaWQiOiI5NDk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Y2In0sIlBhZGRpbmciOnsiJHJlZiI6IjM2NyJ9LCJCYWNrZ3JvdW5kIjp7IiRpZCI6Ijk5NCIsIkNvbG9yIjp7IiRpZCI6Ijk5NSIsIkEiOjAsIlIiOjI1NSwiRyI6MjU1LCJCIjoyNTV9fSwiSXNWaXNpYmxlIjpmYWxz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aWQiOiIxMTkwIiwiQSI6ODksIlIiOjAsIkciOjAsIkIiOjB9fSwiSXNWaXNpYmxlIjp0cnVlLCJXaWR0aCI6MC4wLCJIZWlnaHQiOjAuMCwiQm9yZGVyU3R5bGUiOm51bGwsIlBhcmVudFN0eWxlIjpudWxsfSwiRGF0ZUZvcm1hdCI6eyIkaWQiOiIxMTk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OTIiLCJGb3JtYXQiOjAsIklzVmlzaWJsZSI6ZmFsc2UsIkxhc3RLbm93blZpc2liaWxpdHlTdGF0ZSI6ZmFsc2V9LCJJc1Zpc2libGUiOnRydWUsIlBhcmVudFN0eWxlIjpudWxsLCJfZXhwbGljaXRseVNldCI6eyIkaWQiOiIxMTk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GlkIjoiMTIxNSIsIkEiOjAsIlIiOjI1NSwiRyI6MjU1LCJCIjoyNTV9fSwiSXNWaXNpYmxlIjpmYWxzZSwiV2lkdGgiOjAuMCwiSGVpZ2h0IjowLjAsIkJvcmRlclN0eWxlIjpudWxsLCJQYXJlbnRTdHlsZSI6bnVsbH0sIkRhdGV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NSIsIkZvcm1hdCI6MCwiSXNWaXNpYmxlIjpmYWxzZSwiTGFzdEtub3duVmlzaWJpbGl0eVN0YXRlIjpmYWxzZX0sIklzVmlzaWJsZSI6dHJ1ZSwiUGFyZW50U3R5bGUiOm51bGx9LCJEZWZhdWx0VGFza1N0eWxlIjp7IiRpZCI6IjE0MjYiLCJTaGFwZSI6MCwiU2hhcGVUaGlja25lc3MiOjAsIkR1cmF0aW9uRm9ybWF0IjowLCJJbmNsdWRlTm9uV29ya2luZ0RheXNJbkR1cmF0aW9uIjpmYWxzZSwiUGVyY2VudGFnZUNvbXBsZXRlU3R5bGUiOnsiJGlkIjoiMTQyNyIsIkZvbnRTZXR0aW5ncyI6eyIkaWQiOiIxNDI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ciLCJGb3JtYXQiOjAsIklzVmlzaWJsZSI6ZmFsc2UsIkxhc3RLbm93blZpc2liaWxpdHlTdGF0ZSI6ZmFsc2V9LCJJc1Zpc2libGUiOnRydWUsIlBhcmVudFN0eWxlIjpudWxsLCJfZXhwbGljaXRseVNldCI6eyIkaWQiOiIxND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NzAyIiwiQ29sb3IiOnsiJGlkIjoiMTcwMyIsIkEiOjAsIlIiOjI1NSwiRyI6MjU1LCJCIjoyNTV9fSwiSXNWaXNpYmxlIjp0cnVlLCJXaWR0aCI6MC4wLCJIZWlnaHQiOjAuMCwiQm9yZGVyU3R5bGUiOnsiJGlkIjoiMTcwNCIsIkxpbmVDb2xvciI6bnVsbCwiTGluZVdlaWdodCI6MC4wLCJMaW5lVHlwZSI6MCwiUGFyZW50U3R5bGUiOm51bGx9LCJQYXJlbnRTdHlsZSI6bnVsbH0sIkRhdGVGb3JtYXQiOnsiJGlkIjoiMTc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g5LFwiR1wiOjU4LFwiQlwiOjQ4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E4OSxcIkdcIjo1OCxcIkJcIjo0OH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nRydWUsXCJTZWdtZW50U2VwYXJhdG9yT3BhY2l0eVwiOjMwLFwiU2hhcGVcIjow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xMSxcIkdcIjoxMixcIkJcIjo4fX0sXCJIb3Jpem9udGFsQWxpZ25tZW50XCI6MCxcIklzVmlzaWJsZVwiOnRydWV9LFwiU2hhcGVTdHlsZVwiOntcIiRpZFwiOlwiMjhcIixcIk1hcmdpblwiOntcIiRpZFwiOlwiMjlcIixcIlRvcFwiOjAuMCxcIkxlZnRcIjoxMi4wLFwiUmlnaHRcIjoxMi4wLFwiQm90dG9tXCI6MC4wfSxcIlBhZGRpbmdcIjp7XCIkaWRcIjpcIjMwXCIsXCJUb3BcIjo3LjAsXCJMZWZ0XCI6MC4wLFwiUmlnaHRcIjowLjAsXCJCb3R0b21cIjo3LjB9LFwiQmFja2dyb3VuZFwiOntcIiRpZFwiOlwiMzFcIixcIkNvbG9yXCI6e1wiJGlkXCI6XCIzMlwiLFwiQVwiOjI1NSxcIlJcIjoxOTIsXCJHXCI6MjAyLFwiQlwiOjE3M3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w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0cnVlLFwiSXNVbmRlcmxpbmVkXCI6dHJ1ZX0sXCJGb3JlZ3JvdW5kXCI6e1wiJGlkXCI6XCI1NFwiLFwiQ29sb3JcIjp7XCIkaWRcIjpcIjU1XCIsXCJBXCI6MjU1LFwiUlwiOjExNSxcIkdcIjoxMTUsXCJCXCI6MTE1fX0sXCJIb3Jpem9udGFsQWxpZ25tZW50XCI6MSxcIklzVmlzaWJsZVwiOnRydW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0LFwiRW5kRGF0ZVBvc2l0aW9uXCI6NCxcIlRpdGxlUG9zaXRpb25cIjo1LFwiRHVyYXRpb25Qb3NpdGlvblwiOjIsXCJQZXJjZW50YWdlQ29tcGxldGVkUG9zaXRpb25cIjowLFwiU3BhY2luZ1wiOjM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xMjcsXCJSXCI6MTU3LFwiR1wiOjE2OSxcIkJcIjoxNjB9fSxcIklzVmlzaWJsZVwiOnRydWUsXCJXaWR0aFwiOjAuMCxcIkhlaWdodFwiOjEw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yLFwiSXNCZWxvd1RpbWViYW5kXCI6ZmFsc2UsXCJTaGFwZVNpemVcIjoy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MzksXCJHXCI6MTU0LFwiQlwiOjI2fX0sXCJJc1Zpc2libGVcIjp0cnVlLFwiV2lkdGhcIjoxOC4wLFwiSGVpZ2h0XCI6MTg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IsXCJTaGFwZVNpemVcIjoyLFwiRGV0YWlsc1NwYWNpbmdcIjox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zOSxcIkdcIjoxNTQsXCJCXCI6MjZ9fSxcIklzVmlzaWJsZVwiOnRydWUsXCJXaWR0aFwiOjE4LjAsXCJIZWlnaHRcIjoxO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EyNyxcIlJcIjoxNTcsXCJHXCI6MTY5LFwiQlwiOjE2MH19LFwiSXNWaXNpYmxlXCI6dHJ1ZSxcIldpZHRoXCI6MC4wLFwiSGVpZ2h0XCI6MC4wLFwiQm9yZGVyU3R5bGVcIjp7XCIkaWRcIjpcIjEzN1wiLFwiTGluZVN0eWxlXCI6e1wiJGlkXCI6XCIxMzhcIixcIkxpbmVDb2xvclwiOntcIiRpZFwiOlwiMTM5XCIsXCJDb2xvclwiOntcIiRpZFwiOlwiMTQwXCIsXCJBXCI6MjU1LFwiUlwiOjIyLFwiR1wiOjI4LFwiQlwiOjM1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MzgsXCJSXCI6MTU3LFwiR1wiOjE2OSxcIkJcIjoxNjB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E1NyxcIkdcIjoxNjksXCJCXCI6MTY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M4LFwiUlwiOjE1NyxcIkdcIjoxNjksXCJCXCI6MTYw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wLFwiU2hhcGVUeXBlXCI6MTg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E4MCxcIkdcIjo3NixcIkJcIjo2NX19LFwiSXNWaXNpYmxlXCI6dHJ1ZSxcIldpZHRoXCI6MTMuMCxcIkhlaWdodFwiOjEz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M0LFwiR1wiOjM3LFwiQlwiOjI0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NyxcIkdcIjo3MyxcIkJcIjo0OX19LFwiSG9yaXpvbnRhbEFsaWdubWVudFwiOjI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xOTIsXCJHXCI6ODAsXCJCXCI6Nzd9fSxcIkhvcml6b250YWxBbGlnbm1lbnRcIjowLFwiSXNWaXNpYmxlXCI6ZmFsc2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0cnVlLFwiSXNVbmRlcmxpbmVkXCI6dHJ1ZX0sXCJGb3JlZ3JvdW5kXCI6e1wiJGlkXCI6XCIyMDRcIixcIkNvbG9yXCI6e1wiJGlkXCI6XCIyMDVcIixcIkFcIjoyNTUsXCJSXCI6NzUsXCJHXCI6MzIsXCJCXCI6Mjd9fSxcIkhvcml6b250YWxBbGlnbm1lbnRcIjowLFwiSXNWaXNpYmxlXCI6dHJ1ZX0sXCJNYXJnaW5cIjp7XCIkaWRcIjpcIjIwNlwiLFwiVG9wXCI6MC4wLFwiTGVmdFwiOjAuMCxcIlJpZ2h0XCI6MC4wLFwiQm90dG9tXCI6MC4wfSxcIlN0YXJ0RGF0ZVBvc2l0aW9uXCI6MCxcIkVuZERhdGVQb3NpdGlvblwiOjAsXCJUaXRsZVBvc2l0aW9uXCI6Mi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1MCxcIkdcIjo5MyxcIkJcIjo4OX19LFwiSXNWaXNpYmxlXCI6dHJ1ZSxcIldpZHRoXCI6MTk2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csXCJTaGFwZVNpemVcIjoxLFwiRGV0YWlsc1NwYWNpbmdcIjoxLjAsXCJQYWRkaW5nXCI6e1wiJGlkXCI6XCIyMjdcIixcIlRvcFwiOjcuMCxcIkxlZnRcIjozLjAsXCJSaWdodFwiOjAuMCxcIkJvdHRvbVwiOjIuMH0sXCJQb3NpdGlvbk9uVGFza1wiOjM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3LFwiR1wiOjczLFwiQlwiOjQ5fX0sXCJIb3Jpem9udGFsQWxpZ25tZW50XCI6MixcIklzVmlzaWJsZVwiOmZhbHN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M4LFwiUlwiOjE1NyxcIkdcIjoxNjksXCJCXCI6MTYw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NTcsXCJHXCI6MTY5LFwiQlwiOjE2MH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zOCxcIlJcIjoxNTcsXCJHXCI6MTY5LFwiQlwiOjE2MH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wLFwiRGF0ZVBvc2l0aW9uXCI6MCxcIlNoYXBlVHlwZVwiOjE4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xODAsXCJHXCI6NzYsXCJCXCI6NjV9fSxcIklzVmlzaWJsZVwiOnRydWUsXCJXaWR0aFwiOjEzLjAsXCJIZWlnaHRcIjoxMy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C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TkyLFwiR1wiOjgwLFwiQlwiOjc3fX0sXCJIb3Jpem9udGFsQWxpZ25tZW50XCI6MSxcIklzVmlzaWJsZVwiOmZhbHN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dHJ1ZSxcIklzVW5kZXJsaW5lZFwiOnRydWV9LFwiRm9yZWdyb3VuZFwiOntcIiRpZFwiOlwiMzI1XCIsXCJDb2xvclwiOntcIiRpZFwiOlwiMzI2XCIsXCJBXCI6MjU1LFwiUlwiOjc1LFwiR1wiOjMyLFwiQlwiOjI3fX0sXCJIb3Jpem9udGFsQWxpZ25tZW50XCI6MCxcIklzVmlzaWJsZVwiOnRydW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NTAsXCJHXCI6OTMsXCJCXCI6ODl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NyxcIlNoYXBlU2l6ZVwiOjEsXCJEZXRhaWxzU3BhY2luZ1wiOjE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jM5LFwiR1wiOjE1NCxcIkJcIjoyNn19LFwiSXNWaXNpYmxlXCI6dHJ1ZSxcIldpZHRoXCI6MTguMCxcIkhlaWdodFwiOjIw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OTIxIiwiVXNlVGltZSI6dHJ1ZSwiV29ya0RheVN0YXJ0IjoiMDA6MDA6MDAiLCJXb3JrRGF5RW5kIjoiMjM6NTk6MDAifSwiTGFzdFVzZWRUZW1wbGF0ZUlkIjoiYjg5ZmFmODAtMDQ4ZS00NTljLWI2NmUtMDgxYWY2ZTQ4NTc3IiwiTGFzdFVzZWRUaGVtZURldGFpbHMiOnsiJGlkIjoiMTkyMiIsIklkIjoiNjM2MzhmZjAtMTUwMS00N2U1LWI3OGMtNzI2OTM5MTU1M2MwIiwiVGl0bGUiOiJVbnRpdGxlZCB0aGVtZSIsIkNhdGVnb3J5IjoyfSwiRmlyc3RXZWVrT2ZZZWFyIjowLCJQbGFjZU1pbGVzdG9uZUF0VGhlQmVnaW5uaW5nT2ZUaGVEYXkiOmZhbHNlLCJEZXBlbmRlbmN5U2NoZWR1bGluZ1NldHRpbmdzIjp7IiRpZCI6IjE5MjM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6-05-23T00:00:00.0000000Z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5-09-29T23:59:00.0000000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1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9T23:59:00.0000000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2"/>
  <p:tag name="OTLPOSITIONONTASK" val="None"/>
  <p:tag name="OTLRELATEDTASKID" val="00000000-0000-0000-0000-000000000000"/>
  <p:tag name="OTLWEEKNUMBERINGFORMAT" val="WNFormat1"/>
  <p:tag name="OTLWEEKNUMBERINGISVISIBLE" val="False"/>
  <p:tag name="OTLDATE" val="2025-09-29T23:59:00.0000000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6-30T23:59:00.0000000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keholder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5-08-31T23:59:00.0000000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1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3T23:59:00.0000000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 R2"/>
  <p:tag name="OTLPOSITIONONTASK" val="None"/>
  <p:tag name="OTLRELATEDTASKID" val="00000000-0000-0000-0000-000000000000"/>
  <p:tag name="OTLWEEKNUMBERINGFORMAT" val="WNFormat1"/>
  <p:tag name="OTLWEEKNUMBERINGISVISIBLE" val="False"/>
  <p:tag name="OTLDATE" val="2025-09-20T23:59:00.0000000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5-06-01T23:59:00.0000000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9T23:59:00.0000000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rategy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5-09-29T23:59:00.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"/>
  <p:tag name="OTLDATE" val="2025-09-15T23:59:00.0000000"/>
  <p:tag name="OTLPOSITIONONTASK" val="Center"/>
  <p:tag name="OTLRELATEDTASKID" val="ad9b37af-a356-4cfa-9200-5eda350aded8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2"/>
  <p:tag name="OTLDATE" val="2025-09-20T23:59:00.0000000"/>
  <p:tag name="OTLPOSITIONONTASK" val="Center"/>
  <p:tag name="OTLRELATEDTASKID" val="ad9b37af-a356-4cfa-9200-5eda350aded8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3"/>
  <p:tag name="OTLDATE" val="2025-09-25T23:59:00.0000000"/>
  <p:tag name="OTLPOSITIONONTASK" val="Center"/>
  <p:tag name="OTLRELATEDTASKID" val="ad9b37af-a356-4cfa-9200-5eda350aded8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1"/>
  <p:tag name="OTLDATE" val="2025-07-15T23:59:00.0000000"/>
  <p:tag name="OTLPOSITIONONTASK" val="Center"/>
  <p:tag name="OTLRELATEDTASKID" val="6d6be110-b01f-4214-8831-f9d5e736b478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2"/>
  <p:tag name="OTLDATE" val="2025-07-20T23:59:00.0000000"/>
  <p:tag name="OTLPOSITIONONTASK" val="Center"/>
  <p:tag name="OTLRELATEDTASKID" val="6d6be110-b01f-4214-8831-f9d5e736b478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3"/>
  <p:tag name="OTLDATE" val="2025-07-25T23:59:00.0000000"/>
  <p:tag name="OTLPOSITIONONTASK" val="Center"/>
  <p:tag name="OTLRELATEDTASKID" val="6d6be110-b01f-4214-8831-f9d5e736b478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1T00:00:00.0000000Z"/>
  <p:tag name="OTLENDDATE" val="2025-06-30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02T00:00:00.0000000Z"/>
  <p:tag name="OTLENDDATE" val="2025-07-30T23:5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1T00:00:00.0000000Z"/>
  <p:tag name="OTLENDDATE" val="2025-07-30T23:59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01T00:00:00.0000000Z"/>
  <p:tag name="OTLENDDATE" val="2025-08-30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9-01T00:00:00.0000000Z"/>
  <p:tag name="OTLENDDATE" val="2025-09-29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01T00:00:00.0000000Z"/>
  <p:tag name="OTLENDDATE" val="2025-09-29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01T00:00:00.0000000Z"/>
  <p:tag name="OTLENDDATE" val="2025-07-11T08:06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10T17:00:00.0000000Z"/>
  <p:tag name="OTLENDDATE" val="2025-07-20T15:06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7-20T00:29:00.0000000Z"/>
  <p:tag name="OTLENDDATE" val="2025-07-29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01T00:00:00.0000000Z"/>
  <p:tag name="OTLENDDATE" val="2025-08-11T11:38:00.0000000Z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9-01T00:00:00.0000000Z"/>
  <p:tag name="OTLENDDATE" val="2025-09-11T02:43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9-10T11:13:00.0000000Z"/>
  <p:tag name="OTLENDDATE" val="2025-09-20T15:05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10T20:08:00.0000000Z"/>
  <p:tag name="OTLENDDATE" val="2025-08-21T12:02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9-19T22:35:00.0000000Z"/>
  <p:tag name="OTLENDDATE" val="2025-09-29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8-20T18:45:00.0000000Z"/>
  <p:tag name="OTLENDDATE" val="2025-08-30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01T00:00:00.0000000Z"/>
  <p:tag name="OTLENDDATE" val="2025-06-10T22:12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10T03:11:00.0000000Z"/>
  <p:tag name="OTLENDDATE" val="2025-06-20T15:0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5-06-19T21:10:00.0000000Z"/>
  <p:tag name="OTLENDDATE" val="2025-06-29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6-29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7-29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8-30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Agile Project Pla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9-29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7</Words>
  <Application>Microsoft Office PowerPoint</Application>
  <PresentationFormat>Widescreen</PresentationFormat>
  <Paragraphs>11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7-05T14:31:32Z</dcterms:created>
  <dcterms:modified xsi:type="dcterms:W3CDTF">2024-10-24T10:20:33Z</dcterms:modified>
</cp:coreProperties>
</file>